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3473\デスクトップ\【最終】20220929 県最終版と整合済\"/>
    </mc:Choice>
  </mc:AlternateContent>
  <bookViews>
    <workbookView xWindow="28680" yWindow="-120" windowWidth="29040" windowHeight="15840" tabRatio="937"/>
  </bookViews>
  <sheets>
    <sheet name="表紙" sheetId="16" r:id="rId1"/>
    <sheet name="様式①第1面（一戸建て）" sheetId="25" r:id="rId2"/>
    <sheet name="様式①第2面（一戸建て）" sheetId="26" r:id="rId3"/>
    <sheet name="様式①設3面（一戸建て）" sheetId="27" r:id="rId4"/>
    <sheet name="様式①第1面 （共同）" sheetId="28" r:id="rId5"/>
    <sheet name="様式①第2面（共同）" sheetId="29" r:id="rId6"/>
    <sheet name="様式①第3面（共同）" sheetId="30" r:id="rId7"/>
    <sheet name="様式②第1面（一戸建て）" sheetId="31" r:id="rId8"/>
    <sheet name="様式②第2面 （一戸建て）" sheetId="32" r:id="rId9"/>
    <sheet name="様式②第3面（一戸建て）" sheetId="33" r:id="rId10"/>
    <sheet name="様式②第1面（共同）" sheetId="34" r:id="rId11"/>
    <sheet name="様式②第2面（共同） " sheetId="35" r:id="rId12"/>
    <sheet name="様式②第3面 （共同）" sheetId="36" r:id="rId13"/>
  </sheets>
  <definedNames>
    <definedName name="_xlnm.Print_Area" localSheetId="0">表紙!$A$1:$AU$38</definedName>
    <definedName name="_xlnm.Print_Area" localSheetId="3">'様式①設3面（一戸建て）'!$A$1:$AO$69</definedName>
    <definedName name="_xlnm.Print_Area" localSheetId="4">'様式①第1面 （共同）'!$A$1:$AO$145</definedName>
    <definedName name="_xlnm.Print_Area" localSheetId="1">'様式①第1面（一戸建て）'!$A$1:$AO$127</definedName>
    <definedName name="_xlnm.Print_Area" localSheetId="2">'様式①第2面（一戸建て）'!$A$1:$AO$39</definedName>
    <definedName name="_xlnm.Print_Area" localSheetId="5">'様式①第2面（共同）'!$A$1:$AO$41</definedName>
    <definedName name="_xlnm.Print_Area" localSheetId="6">'様式①第3面（共同）'!$A$1:$AO$68</definedName>
    <definedName name="_xlnm.Print_Area" localSheetId="7">'様式②第1面（一戸建て）'!$A$1:$AP$134</definedName>
    <definedName name="_xlnm.Print_Area" localSheetId="10">'様式②第1面（共同）'!$A$1:$AU$141</definedName>
    <definedName name="_xlnm.Print_Area" localSheetId="8">'様式②第2面 （一戸建て）'!$A$1:$AP$39</definedName>
    <definedName name="_xlnm.Print_Area" localSheetId="11">'様式②第2面（共同） '!$A$1:$AP$42</definedName>
    <definedName name="_xlnm.Print_Area" localSheetId="12">'様式②第3面 （共同）'!$A$1:$AP$127</definedName>
    <definedName name="_xlnm.Print_Area" localSheetId="9">'様式②第3面（一戸建て）'!$A$1:$AP$122</definedName>
  </definedNames>
  <calcPr calcId="152511"/>
</workbook>
</file>

<file path=xl/sharedStrings.xml><?xml version="1.0" encoding="utf-8"?>
<sst xmlns="http://schemas.openxmlformats.org/spreadsheetml/2006/main" count="5090" uniqueCount="884">
  <si>
    <t>その他</t>
    <rPh sb="2" eb="3">
      <t>タ</t>
    </rPh>
    <phoneticPr fontId="1"/>
  </si>
  <si>
    <t>無</t>
    <rPh sb="0" eb="1">
      <t>ナ</t>
    </rPh>
    <phoneticPr fontId="1"/>
  </si>
  <si>
    <t>有</t>
    <rPh sb="0" eb="1">
      <t>ア</t>
    </rPh>
    <phoneticPr fontId="1"/>
  </si>
  <si>
    <t>建築物の名称</t>
    <rPh sb="0" eb="3">
      <t>ケンチクブツ</t>
    </rPh>
    <rPh sb="4" eb="6">
      <t>メイショウ</t>
    </rPh>
    <phoneticPr fontId="1"/>
  </si>
  <si>
    <t>建築物の所在地</t>
    <rPh sb="0" eb="2">
      <t>ケンチク</t>
    </rPh>
    <rPh sb="2" eb="3">
      <t>ブツ</t>
    </rPh>
    <rPh sb="4" eb="7">
      <t>ショザイチ</t>
    </rPh>
    <phoneticPr fontId="1"/>
  </si>
  <si>
    <t>審査員氏名</t>
    <rPh sb="0" eb="3">
      <t>シンサイン</t>
    </rPh>
    <rPh sb="3" eb="5">
      <t>シメイ</t>
    </rPh>
    <phoneticPr fontId="1"/>
  </si>
  <si>
    <t>建築士番号</t>
    <rPh sb="0" eb="2">
      <t>ケンチク</t>
    </rPh>
    <rPh sb="2" eb="3">
      <t>シ</t>
    </rPh>
    <rPh sb="3" eb="5">
      <t>バンゴウ</t>
    </rPh>
    <phoneticPr fontId="1"/>
  </si>
  <si>
    <t>□</t>
  </si>
  <si>
    <t>□</t>
    <phoneticPr fontId="11"/>
  </si>
  <si>
    <t>図書の分類</t>
    <rPh sb="0" eb="2">
      <t>トショ</t>
    </rPh>
    <rPh sb="3" eb="5">
      <t>ブンルイ</t>
    </rPh>
    <phoneticPr fontId="1"/>
  </si>
  <si>
    <t>具体的な工事の内容</t>
    <rPh sb="0" eb="3">
      <t>グタイテキ</t>
    </rPh>
    <rPh sb="4" eb="6">
      <t>コウジ</t>
    </rPh>
    <rPh sb="7" eb="9">
      <t>ナイヨウ</t>
    </rPh>
    <phoneticPr fontId="11"/>
  </si>
  <si>
    <t>劣化対策</t>
  </si>
  <si>
    <t>耐震性</t>
    <rPh sb="0" eb="2">
      <t>タイシン</t>
    </rPh>
    <rPh sb="2" eb="3">
      <t>セイ</t>
    </rPh>
    <phoneticPr fontId="11"/>
  </si>
  <si>
    <t>省エネ性</t>
    <rPh sb="0" eb="1">
      <t>ショウ</t>
    </rPh>
    <rPh sb="3" eb="4">
      <t>セイ</t>
    </rPh>
    <phoneticPr fontId="11"/>
  </si>
  <si>
    <t>維持管理対策</t>
    <rPh sb="0" eb="2">
      <t>イジ</t>
    </rPh>
    <rPh sb="2" eb="4">
      <t>カンリ</t>
    </rPh>
    <rPh sb="4" eb="6">
      <t>タイサク</t>
    </rPh>
    <phoneticPr fontId="11"/>
  </si>
  <si>
    <t>⇒</t>
    <phoneticPr fontId="11"/>
  </si>
  <si>
    <t>建設住宅性能評価書の図書</t>
    <rPh sb="0" eb="2">
      <t>ケンセツ</t>
    </rPh>
    <rPh sb="2" eb="4">
      <t>ジュウタク</t>
    </rPh>
    <rPh sb="4" eb="6">
      <t>セイノウ</t>
    </rPh>
    <rPh sb="6" eb="8">
      <t>ヒョウカ</t>
    </rPh>
    <rPh sb="8" eb="9">
      <t>ショ</t>
    </rPh>
    <rPh sb="10" eb="12">
      <t>トショ</t>
    </rPh>
    <phoneticPr fontId="1"/>
  </si>
  <si>
    <t>フラット３５適合証明書の図書</t>
    <rPh sb="6" eb="8">
      <t>テキゴウ</t>
    </rPh>
    <rPh sb="8" eb="11">
      <t>ショウメイショ</t>
    </rPh>
    <rPh sb="12" eb="14">
      <t>トショ</t>
    </rPh>
    <phoneticPr fontId="1"/>
  </si>
  <si>
    <t>公庫融資現場判定通知書の図書</t>
    <rPh sb="0" eb="2">
      <t>コウコ</t>
    </rPh>
    <rPh sb="2" eb="4">
      <t>ユウシ</t>
    </rPh>
    <rPh sb="4" eb="6">
      <t>ゲンバ</t>
    </rPh>
    <rPh sb="6" eb="8">
      <t>ハンテイ</t>
    </rPh>
    <rPh sb="8" eb="11">
      <t>ツウチショ</t>
    </rPh>
    <rPh sb="12" eb="14">
      <t>トショ</t>
    </rPh>
    <phoneticPr fontId="1"/>
  </si>
  <si>
    <t>設計住宅性能評価書の図書</t>
    <rPh sb="0" eb="2">
      <t>セッケイ</t>
    </rPh>
    <rPh sb="2" eb="4">
      <t>ジュウタク</t>
    </rPh>
    <rPh sb="4" eb="6">
      <t>セイノウ</t>
    </rPh>
    <rPh sb="6" eb="9">
      <t>ヒョウカショ</t>
    </rPh>
    <rPh sb="10" eb="12">
      <t>トショ</t>
    </rPh>
    <phoneticPr fontId="1"/>
  </si>
  <si>
    <t>その他図書</t>
    <rPh sb="2" eb="3">
      <t>タ</t>
    </rPh>
    <rPh sb="3" eb="5">
      <t>トショ</t>
    </rPh>
    <phoneticPr fontId="1"/>
  </si>
  <si>
    <t>上記図書がない場合</t>
    <rPh sb="0" eb="2">
      <t>ジョウキ</t>
    </rPh>
    <rPh sb="2" eb="4">
      <t>トショ</t>
    </rPh>
    <rPh sb="7" eb="9">
      <t>バアイ</t>
    </rPh>
    <phoneticPr fontId="1"/>
  </si>
  <si>
    <t>施工記録書</t>
    <rPh sb="0" eb="2">
      <t>セコウ</t>
    </rPh>
    <rPh sb="2" eb="4">
      <t>キロク</t>
    </rPh>
    <rPh sb="4" eb="5">
      <t>ショ</t>
    </rPh>
    <phoneticPr fontId="1"/>
  </si>
  <si>
    <t>現場写真</t>
    <rPh sb="0" eb="2">
      <t>ゲンバ</t>
    </rPh>
    <rPh sb="2" eb="4">
      <t>シャシン</t>
    </rPh>
    <phoneticPr fontId="1"/>
  </si>
  <si>
    <t>納品書</t>
    <rPh sb="0" eb="3">
      <t>ノウヒンショ</t>
    </rPh>
    <phoneticPr fontId="1"/>
  </si>
  <si>
    <t>（</t>
    <phoneticPr fontId="1"/>
  </si>
  <si>
    <t>）</t>
    <phoneticPr fontId="1"/>
  </si>
  <si>
    <t>建築基準法への適合性の確認</t>
    <phoneticPr fontId="1"/>
  </si>
  <si>
    <t>建築基準法の規定違反の有無</t>
    <phoneticPr fontId="1"/>
  </si>
  <si>
    <t>建築士の氏名</t>
    <rPh sb="0" eb="3">
      <t>ケンチクシ</t>
    </rPh>
    <rPh sb="4" eb="6">
      <t>シメイ</t>
    </rPh>
    <phoneticPr fontId="1"/>
  </si>
  <si>
    <t>（</t>
    <phoneticPr fontId="1"/>
  </si>
  <si>
    <t>現況検査で判明した劣化事象の対応</t>
    <rPh sb="0" eb="2">
      <t>ゲンキョウ</t>
    </rPh>
    <rPh sb="2" eb="4">
      <t>ケンサ</t>
    </rPh>
    <rPh sb="5" eb="7">
      <t>ハンメイ</t>
    </rPh>
    <phoneticPr fontId="1"/>
  </si>
  <si>
    <t>確認済証＋検査済証＋図書</t>
    <phoneticPr fontId="1"/>
  </si>
  <si>
    <t>（表紙）</t>
    <rPh sb="1" eb="3">
      <t>ヒョウシ</t>
    </rPh>
    <phoneticPr fontId="6"/>
  </si>
  <si>
    <t>補修を行わない箇所については維持保全計画に補修・点検等の対応内容及び時期を定めた。</t>
    <phoneticPr fontId="1"/>
  </si>
  <si>
    <t>長期優良住宅の基準にかかる仕様について根拠となる図書がある場合</t>
    <phoneticPr fontId="1"/>
  </si>
  <si>
    <t>住宅の仕様について、現況と図書に相違がないことを確認した。</t>
    <rPh sb="0" eb="2">
      <t>ジュウタク</t>
    </rPh>
    <rPh sb="3" eb="5">
      <t>シヨウ</t>
    </rPh>
    <rPh sb="10" eb="12">
      <t>ゲンキョウ</t>
    </rPh>
    <rPh sb="13" eb="15">
      <t>トショ</t>
    </rPh>
    <rPh sb="16" eb="18">
      <t>ソウイ</t>
    </rPh>
    <phoneticPr fontId="1"/>
  </si>
  <si>
    <t>住宅の仕様について、性能項目ごとに一箇所以上抽出し現地等で確認又は施工記録書等により図書どおりであることを確認した。</t>
    <rPh sb="0" eb="2">
      <t>ジュウタク</t>
    </rPh>
    <rPh sb="3" eb="5">
      <t>シヨウ</t>
    </rPh>
    <rPh sb="17" eb="22">
      <t>イッカショイジョウ</t>
    </rPh>
    <rPh sb="22" eb="24">
      <t>チュウシュツ</t>
    </rPh>
    <rPh sb="25" eb="27">
      <t>ゲンチ</t>
    </rPh>
    <rPh sb="27" eb="28">
      <t>トウ</t>
    </rPh>
    <rPh sb="29" eb="31">
      <t>カクニン</t>
    </rPh>
    <rPh sb="31" eb="32">
      <t>マタ</t>
    </rPh>
    <rPh sb="33" eb="35">
      <t>セコウ</t>
    </rPh>
    <rPh sb="35" eb="37">
      <t>キロク</t>
    </rPh>
    <rPh sb="37" eb="38">
      <t>ショ</t>
    </rPh>
    <rPh sb="38" eb="39">
      <t>トウ</t>
    </rPh>
    <rPh sb="42" eb="44">
      <t>トショ</t>
    </rPh>
    <rPh sb="53" eb="55">
      <t>カクニン</t>
    </rPh>
    <phoneticPr fontId="1"/>
  </si>
  <si>
    <t>確認方法</t>
    <rPh sb="0" eb="2">
      <t>カクニン</t>
    </rPh>
    <rPh sb="2" eb="4">
      <t>ホウホウ</t>
    </rPh>
    <phoneticPr fontId="1"/>
  </si>
  <si>
    <t>【既存】設計内容説明書</t>
    <rPh sb="4" eb="6">
      <t>セッケイ</t>
    </rPh>
    <rPh sb="6" eb="8">
      <t>ナイヨウ</t>
    </rPh>
    <rPh sb="8" eb="11">
      <t>セツメイショ</t>
    </rPh>
    <phoneticPr fontId="1"/>
  </si>
  <si>
    <t>新築後、長期使用構造等とするための増改築工事の有無</t>
    <phoneticPr fontId="1"/>
  </si>
  <si>
    <t>（</t>
    <phoneticPr fontId="1"/>
  </si>
  <si>
    <t>）</t>
    <phoneticPr fontId="1"/>
  </si>
  <si>
    <t>住宅の仕様について、性能項目ごと、部位・仕様ごとに一箇所以上抽出し現地等で確認又は施工記録書等により</t>
    <rPh sb="0" eb="2">
      <t>ジュウタク</t>
    </rPh>
    <rPh sb="3" eb="5">
      <t>シヨウ</t>
    </rPh>
    <rPh sb="10" eb="12">
      <t>セイノウ</t>
    </rPh>
    <rPh sb="12" eb="14">
      <t>コウモク</t>
    </rPh>
    <rPh sb="17" eb="19">
      <t>ブイ</t>
    </rPh>
    <rPh sb="20" eb="22">
      <t>シヨウ</t>
    </rPh>
    <rPh sb="25" eb="30">
      <t>イチカショイジョウ</t>
    </rPh>
    <rPh sb="30" eb="32">
      <t>チュウシュツ</t>
    </rPh>
    <rPh sb="33" eb="36">
      <t>ゲンチナド</t>
    </rPh>
    <rPh sb="37" eb="39">
      <t>カクニン</t>
    </rPh>
    <rPh sb="39" eb="40">
      <t>マタ</t>
    </rPh>
    <rPh sb="41" eb="43">
      <t>セコウ</t>
    </rPh>
    <rPh sb="43" eb="47">
      <t>キロクショナド</t>
    </rPh>
    <phoneticPr fontId="1"/>
  </si>
  <si>
    <t>図書どおりであることを確認・作成した。</t>
    <phoneticPr fontId="1"/>
  </si>
  <si>
    <t>次の性能に係る長期使用構造等とするための増築または改築を行った。⇒代表的な工事を以下に記載</t>
    <rPh sb="0" eb="1">
      <t>ツギ</t>
    </rPh>
    <rPh sb="2" eb="4">
      <t>セイノウ</t>
    </rPh>
    <rPh sb="5" eb="6">
      <t>カカ</t>
    </rPh>
    <rPh sb="7" eb="9">
      <t>チョウキ</t>
    </rPh>
    <rPh sb="9" eb="11">
      <t>シヨウ</t>
    </rPh>
    <rPh sb="11" eb="13">
      <t>コウゾウ</t>
    </rPh>
    <rPh sb="13" eb="14">
      <t>トウ</t>
    </rPh>
    <rPh sb="20" eb="21">
      <t>ゾウ</t>
    </rPh>
    <rPh sb="21" eb="22">
      <t>チク</t>
    </rPh>
    <rPh sb="25" eb="27">
      <t>カイチク</t>
    </rPh>
    <rPh sb="28" eb="29">
      <t>オコナ</t>
    </rPh>
    <phoneticPr fontId="11"/>
  </si>
  <si>
    <t>新築時等の長期優良住宅認定の確認</t>
    <rPh sb="0" eb="2">
      <t>シンチク</t>
    </rPh>
    <rPh sb="2" eb="3">
      <t>ジ</t>
    </rPh>
    <rPh sb="3" eb="4">
      <t>トウ</t>
    </rPh>
    <rPh sb="5" eb="7">
      <t>チョウキ</t>
    </rPh>
    <rPh sb="7" eb="9">
      <t>ユウリョウ</t>
    </rPh>
    <rPh sb="9" eb="11">
      <t>ジュウタク</t>
    </rPh>
    <rPh sb="11" eb="13">
      <t>ニンテイ</t>
    </rPh>
    <rPh sb="14" eb="16">
      <t>カクニン</t>
    </rPh>
    <phoneticPr fontId="1"/>
  </si>
  <si>
    <t>新築時等の長期優良住宅認定の有無</t>
    <rPh sb="0" eb="2">
      <t>シンチク</t>
    </rPh>
    <rPh sb="2" eb="3">
      <t>ジ</t>
    </rPh>
    <rPh sb="3" eb="4">
      <t>トウ</t>
    </rPh>
    <rPh sb="5" eb="7">
      <t>チョウキ</t>
    </rPh>
    <rPh sb="7" eb="9">
      <t>ユウリョウ</t>
    </rPh>
    <rPh sb="9" eb="11">
      <t>ジュウタク</t>
    </rPh>
    <rPh sb="11" eb="13">
      <t>ニンテイ</t>
    </rPh>
    <rPh sb="14" eb="16">
      <t>ウム</t>
    </rPh>
    <phoneticPr fontId="1"/>
  </si>
  <si>
    <t>長期優良住宅認定の取り下げを行った。</t>
    <rPh sb="0" eb="2">
      <t>チョウキ</t>
    </rPh>
    <rPh sb="2" eb="4">
      <t>ユウリョウ</t>
    </rPh>
    <rPh sb="4" eb="6">
      <t>ジュウタク</t>
    </rPh>
    <rPh sb="6" eb="8">
      <t>ニンテイ</t>
    </rPh>
    <rPh sb="9" eb="10">
      <t>ト</t>
    </rPh>
    <rPh sb="11" eb="12">
      <t>サ</t>
    </rPh>
    <rPh sb="14" eb="15">
      <t>オコナ</t>
    </rPh>
    <phoneticPr fontId="1"/>
  </si>
  <si>
    <t>（</t>
    <phoneticPr fontId="1"/>
  </si>
  <si>
    <t>認定基準へ大きく影響すると見込まれる</t>
    <phoneticPr fontId="1"/>
  </si>
  <si>
    <t>※：長期使用構造等とするための措置及び維持保全の方法の基準第３の４（４）②イからハに掲げる基準及び同第３の５（４）②後段の基準、並びに</t>
    <rPh sb="2" eb="4">
      <t>チョウキ</t>
    </rPh>
    <rPh sb="4" eb="6">
      <t>シヨウ</t>
    </rPh>
    <rPh sb="6" eb="8">
      <t>コウゾウ</t>
    </rPh>
    <rPh sb="8" eb="9">
      <t>トウ</t>
    </rPh>
    <rPh sb="15" eb="17">
      <t>ソチ</t>
    </rPh>
    <rPh sb="17" eb="18">
      <t>オヨ</t>
    </rPh>
    <rPh sb="19" eb="21">
      <t>イジ</t>
    </rPh>
    <rPh sb="21" eb="23">
      <t>ホゼン</t>
    </rPh>
    <rPh sb="24" eb="26">
      <t>ホウホウ</t>
    </rPh>
    <rPh sb="27" eb="29">
      <t>キジュン</t>
    </rPh>
    <rPh sb="29" eb="30">
      <t>ダイ</t>
    </rPh>
    <rPh sb="42" eb="43">
      <t>カカ</t>
    </rPh>
    <rPh sb="45" eb="47">
      <t>キジュン</t>
    </rPh>
    <rPh sb="47" eb="48">
      <t>オヨ</t>
    </rPh>
    <rPh sb="64" eb="65">
      <t>ナラ</t>
    </rPh>
    <phoneticPr fontId="1"/>
  </si>
  <si>
    <t>設計内容説明書【一戸建ての木造軸組住宅用】</t>
    <rPh sb="0" eb="2">
      <t>セッケイ</t>
    </rPh>
    <rPh sb="2" eb="4">
      <t>ナイヨウ</t>
    </rPh>
    <rPh sb="4" eb="7">
      <t>セツメイショ</t>
    </rPh>
    <rPh sb="8" eb="11">
      <t>イッコダ</t>
    </rPh>
    <rPh sb="13" eb="15">
      <t>モクゾウ</t>
    </rPh>
    <rPh sb="15" eb="16">
      <t>ジク</t>
    </rPh>
    <rPh sb="16" eb="17">
      <t>グ</t>
    </rPh>
    <rPh sb="17" eb="19">
      <t>ジュウタク</t>
    </rPh>
    <rPh sb="19" eb="20">
      <t>ヨウ</t>
    </rPh>
    <phoneticPr fontId="1"/>
  </si>
  <si>
    <t>（第一面）</t>
    <phoneticPr fontId="1"/>
  </si>
  <si>
    <t>□</t>
    <phoneticPr fontId="1"/>
  </si>
  <si>
    <t>認定事項等</t>
    <phoneticPr fontId="1"/>
  </si>
  <si>
    <t>確認</t>
    <rPh sb="0" eb="2">
      <t>カクニン</t>
    </rPh>
    <phoneticPr fontId="1"/>
  </si>
  <si>
    <t>設計内容説明欄</t>
    <rPh sb="0" eb="2">
      <t>セッケイ</t>
    </rPh>
    <rPh sb="2" eb="4">
      <t>ナイヨウ</t>
    </rPh>
    <rPh sb="4" eb="6">
      <t>セツメイ</t>
    </rPh>
    <rPh sb="6" eb="7">
      <t>ラン</t>
    </rPh>
    <phoneticPr fontId="1"/>
  </si>
  <si>
    <t>※</t>
    <phoneticPr fontId="1"/>
  </si>
  <si>
    <t>記載図書</t>
    <rPh sb="0" eb="2">
      <t>キサイ</t>
    </rPh>
    <rPh sb="2" eb="4">
      <t>トショ</t>
    </rPh>
    <phoneticPr fontId="1"/>
  </si>
  <si>
    <t>設計内容</t>
    <rPh sb="0" eb="2">
      <t>セッケイ</t>
    </rPh>
    <rPh sb="2" eb="4">
      <t>ナイヨウ</t>
    </rPh>
    <phoneticPr fontId="1"/>
  </si>
  <si>
    <t>項目</t>
    <rPh sb="0" eb="2">
      <t>コウモク</t>
    </rPh>
    <phoneticPr fontId="1"/>
  </si>
  <si>
    <t>確認欄</t>
    <rPh sb="0" eb="2">
      <t>カクニン</t>
    </rPh>
    <rPh sb="2" eb="3">
      <t>ラン</t>
    </rPh>
    <phoneticPr fontId="1"/>
  </si>
  <si>
    <t>１．構造躯体</t>
    <phoneticPr fontId="1"/>
  </si>
  <si>
    <t>外壁の</t>
    <rPh sb="0" eb="2">
      <t>ガイヘキ</t>
    </rPh>
    <phoneticPr fontId="1"/>
  </si>
  <si>
    <t>外壁の構造(地面から１m)</t>
    <rPh sb="0" eb="2">
      <t>ガイヘキ</t>
    </rPh>
    <rPh sb="3" eb="5">
      <t>コウゾウ</t>
    </rPh>
    <phoneticPr fontId="1"/>
  </si>
  <si>
    <t>・</t>
    <phoneticPr fontId="1"/>
  </si>
  <si>
    <t>外壁通気構造等</t>
    <rPh sb="2" eb="4">
      <t>ツウキ</t>
    </rPh>
    <rPh sb="6" eb="7">
      <t>トウ</t>
    </rPh>
    <phoneticPr fontId="1"/>
  </si>
  <si>
    <t>通気構造等</t>
    <rPh sb="0" eb="2">
      <t>ツウキ</t>
    </rPh>
    <rPh sb="2" eb="4">
      <t>コウゾウ</t>
    </rPh>
    <rPh sb="4" eb="5">
      <t>トウ</t>
    </rPh>
    <phoneticPr fontId="1"/>
  </si>
  <si>
    <t>仕上表</t>
    <rPh sb="0" eb="2">
      <t>シア</t>
    </rPh>
    <rPh sb="2" eb="3">
      <t>ヒョウ</t>
    </rPh>
    <phoneticPr fontId="1"/>
  </si>
  <si>
    <t>等の劣化対策</t>
    <phoneticPr fontId="1"/>
  </si>
  <si>
    <t>軸組等</t>
    <rPh sb="0" eb="1">
      <t>ジク</t>
    </rPh>
    <rPh sb="1" eb="2">
      <t>クミ</t>
    </rPh>
    <rPh sb="2" eb="3">
      <t>ナド</t>
    </rPh>
    <phoneticPr fontId="1"/>
  </si>
  <si>
    <t>柱[</t>
    <rPh sb="0" eb="1">
      <t>ハシラ</t>
    </rPh>
    <phoneticPr fontId="1"/>
  </si>
  <si>
    <t>製材</t>
    <rPh sb="0" eb="2">
      <t>セイザイ</t>
    </rPh>
    <phoneticPr fontId="1"/>
  </si>
  <si>
    <t>（樹種</t>
    <rPh sb="1" eb="3">
      <t>ジュシュ</t>
    </rPh>
    <phoneticPr fontId="1"/>
  </si>
  <si>
    <t>伏図</t>
    <rPh sb="0" eb="1">
      <t>フ</t>
    </rPh>
    <rPh sb="1" eb="2">
      <t>ズ</t>
    </rPh>
    <phoneticPr fontId="1"/>
  </si>
  <si>
    <t>集成材等（種類</t>
    <rPh sb="0" eb="2">
      <t>シュウセイ</t>
    </rPh>
    <rPh sb="2" eb="3">
      <t>ザイ</t>
    </rPh>
    <rPh sb="3" eb="4">
      <t>トウ</t>
    </rPh>
    <rPh sb="5" eb="7">
      <t>シュルイ</t>
    </rPh>
    <phoneticPr fontId="1"/>
  </si>
  <si>
    <t>）]</t>
    <phoneticPr fontId="1"/>
  </si>
  <si>
    <t>小径（</t>
    <rPh sb="0" eb="2">
      <t>ショウケイ</t>
    </rPh>
    <phoneticPr fontId="1"/>
  </si>
  <si>
    <t>cm)</t>
    <phoneticPr fontId="1"/>
  </si>
  <si>
    <t>薬剤処理[</t>
    <rPh sb="0" eb="2">
      <t>ヤクザイ</t>
    </rPh>
    <rPh sb="2" eb="4">
      <t>ショリ</t>
    </rPh>
    <phoneticPr fontId="1"/>
  </si>
  <si>
    <t>（方法</t>
    <rPh sb="1" eb="3">
      <t>ホウホウ</t>
    </rPh>
    <phoneticPr fontId="1"/>
  </si>
  <si>
    <t>露出部分の防腐・防蟻処理＋維持保全の強化</t>
    <rPh sb="0" eb="2">
      <t>ロシュツ</t>
    </rPh>
    <rPh sb="2" eb="4">
      <t>ブブン</t>
    </rPh>
    <rPh sb="5" eb="7">
      <t>ボウフ</t>
    </rPh>
    <rPh sb="8" eb="9">
      <t>ボウ</t>
    </rPh>
    <rPh sb="9" eb="10">
      <t>アリ</t>
    </rPh>
    <rPh sb="10" eb="12">
      <t>ショリ</t>
    </rPh>
    <rPh sb="13" eb="15">
      <t>イジ</t>
    </rPh>
    <rPh sb="15" eb="17">
      <t>ホゼン</t>
    </rPh>
    <rPh sb="18" eb="20">
      <t>キョウカ</t>
    </rPh>
    <phoneticPr fontId="1"/>
  </si>
  <si>
    <t>柱以外の軸材[</t>
    <rPh sb="0" eb="1">
      <t>ハシラ</t>
    </rPh>
    <rPh sb="1" eb="3">
      <t>イガイ</t>
    </rPh>
    <rPh sb="4" eb="5">
      <t>ジク</t>
    </rPh>
    <rPh sb="5" eb="6">
      <t>ザイ</t>
    </rPh>
    <phoneticPr fontId="1"/>
  </si>
  <si>
    <t>製材（樹種</t>
    <rPh sb="0" eb="2">
      <t>セイザイ</t>
    </rPh>
    <rPh sb="3" eb="5">
      <t>ジュシュ</t>
    </rPh>
    <phoneticPr fontId="1"/>
  </si>
  <si>
    <t>構造用合板等の種類 （</t>
    <rPh sb="0" eb="3">
      <t>コウゾウヨウ</t>
    </rPh>
    <rPh sb="3" eb="5">
      <t>ゴウハン</t>
    </rPh>
    <rPh sb="5" eb="6">
      <t>トウ</t>
    </rPh>
    <rPh sb="7" eb="9">
      <t>シュルイ</t>
    </rPh>
    <phoneticPr fontId="1"/>
  </si>
  <si>
    <t>構造用合板</t>
    <rPh sb="0" eb="3">
      <t>コウゾウヨウ</t>
    </rPh>
    <rPh sb="3" eb="5">
      <t>ゴウハン</t>
    </rPh>
    <phoneticPr fontId="1"/>
  </si>
  <si>
    <t>K3以上の薬剤処理（工場処理）</t>
    <rPh sb="2" eb="4">
      <t>イジョウ</t>
    </rPh>
    <rPh sb="5" eb="7">
      <t>ヤクザイ</t>
    </rPh>
    <rPh sb="7" eb="9">
      <t>ショリ</t>
    </rPh>
    <rPh sb="10" eb="12">
      <t>コウジョウ</t>
    </rPh>
    <rPh sb="12" eb="14">
      <t>ショリ</t>
    </rPh>
    <phoneticPr fontId="1"/>
  </si>
  <si>
    <t>土台</t>
    <rPh sb="0" eb="2">
      <t>ドダイ</t>
    </rPh>
    <phoneticPr fontId="1"/>
  </si>
  <si>
    <t>防腐・防蟻</t>
    <rPh sb="0" eb="2">
      <t>ボウフ</t>
    </rPh>
    <rPh sb="3" eb="4">
      <t>ボウ</t>
    </rPh>
    <rPh sb="4" eb="5">
      <t>アリ</t>
    </rPh>
    <phoneticPr fontId="1"/>
  </si>
  <si>
    <t>土台に接する外壁下端水切り</t>
    <phoneticPr fontId="1"/>
  </si>
  <si>
    <t>処理</t>
    <rPh sb="0" eb="2">
      <t>ショリ</t>
    </rPh>
    <phoneticPr fontId="1"/>
  </si>
  <si>
    <t>土台の樹種</t>
    <rPh sb="0" eb="2">
      <t>ドダイ</t>
    </rPh>
    <rPh sb="3" eb="5">
      <t>ジュシュ</t>
    </rPh>
    <phoneticPr fontId="1"/>
  </si>
  <si>
    <t>薬剤処置</t>
    <rPh sb="0" eb="2">
      <t>ヤクザイ</t>
    </rPh>
    <rPh sb="2" eb="4">
      <t>ショチ</t>
    </rPh>
    <phoneticPr fontId="1"/>
  </si>
  <si>
    <t>[</t>
    <phoneticPr fontId="1"/>
  </si>
  <si>
    <t>(方法</t>
    <rPh sb="1" eb="3">
      <t>ホウホウ</t>
    </rPh>
    <phoneticPr fontId="1"/>
  </si>
  <si>
    <t>浴室・脱衣</t>
    <rPh sb="0" eb="2">
      <t>ヨクシツ</t>
    </rPh>
    <rPh sb="3" eb="5">
      <t>ダツイ</t>
    </rPh>
    <phoneticPr fontId="1"/>
  </si>
  <si>
    <t>防水上</t>
    <rPh sb="0" eb="2">
      <t>ボウスイ</t>
    </rPh>
    <rPh sb="2" eb="3">
      <t>ジョウ</t>
    </rPh>
    <phoneticPr fontId="1"/>
  </si>
  <si>
    <t>浴室</t>
    <phoneticPr fontId="1"/>
  </si>
  <si>
    <t>浴室ユニット</t>
    <rPh sb="0" eb="2">
      <t>ヨクシツ</t>
    </rPh>
    <phoneticPr fontId="1"/>
  </si>
  <si>
    <t>防水上有効な仕上げ</t>
    <phoneticPr fontId="1"/>
  </si>
  <si>
    <t>室の防水</t>
    <phoneticPr fontId="1"/>
  </si>
  <si>
    <t>の措置</t>
    <phoneticPr fontId="1"/>
  </si>
  <si>
    <t>その他の防水措置</t>
    <rPh sb="2" eb="3">
      <t>タ</t>
    </rPh>
    <rPh sb="4" eb="5">
      <t>ボウ</t>
    </rPh>
    <rPh sb="5" eb="6">
      <t>ミズ</t>
    </rPh>
    <rPh sb="6" eb="8">
      <t>ソチ</t>
    </rPh>
    <phoneticPr fontId="1"/>
  </si>
  <si>
    <t>防腐措置</t>
    <rPh sb="0" eb="2">
      <t>ボウフ</t>
    </rPh>
    <rPh sb="2" eb="4">
      <t>ソチ</t>
    </rPh>
    <phoneticPr fontId="1"/>
  </si>
  <si>
    <t>方法：</t>
    <phoneticPr fontId="1"/>
  </si>
  <si>
    <t>脱衣室</t>
    <phoneticPr fontId="1"/>
  </si>
  <si>
    <t>防水上有効な仕上げ</t>
    <rPh sb="0" eb="2">
      <t>ボウスイ</t>
    </rPh>
    <rPh sb="2" eb="3">
      <t>ジョウ</t>
    </rPh>
    <rPh sb="3" eb="5">
      <t>ユウコウ</t>
    </rPh>
    <rPh sb="6" eb="8">
      <t>シア</t>
    </rPh>
    <phoneticPr fontId="1"/>
  </si>
  <si>
    <t>地盤</t>
    <rPh sb="0" eb="2">
      <t>ジバン</t>
    </rPh>
    <phoneticPr fontId="1"/>
  </si>
  <si>
    <t>防蟻措置</t>
    <rPh sb="0" eb="1">
      <t>ボウ</t>
    </rPh>
    <rPh sb="1" eb="2">
      <t>アリ</t>
    </rPh>
    <rPh sb="2" eb="4">
      <t>ソチ</t>
    </rPh>
    <phoneticPr fontId="1"/>
  </si>
  <si>
    <t>防蟻措置</t>
    <rPh sb="2" eb="4">
      <t>ソチ</t>
    </rPh>
    <phoneticPr fontId="1"/>
  </si>
  <si>
    <t>対象区域外</t>
    <rPh sb="0" eb="2">
      <t>タイショウ</t>
    </rPh>
    <rPh sb="2" eb="4">
      <t>クイキ</t>
    </rPh>
    <rPh sb="4" eb="5">
      <t>ガイ</t>
    </rPh>
    <phoneticPr fontId="1"/>
  </si>
  <si>
    <t>)</t>
    <phoneticPr fontId="1"/>
  </si>
  <si>
    <t>べた基礎等</t>
    <rPh sb="2" eb="4">
      <t>キソ</t>
    </rPh>
    <rPh sb="4" eb="5">
      <t>ナド</t>
    </rPh>
    <phoneticPr fontId="1"/>
  </si>
  <si>
    <t>土壌処理</t>
    <rPh sb="0" eb="2">
      <t>ドジョウ</t>
    </rPh>
    <rPh sb="2" eb="4">
      <t>ショリ</t>
    </rPh>
    <phoneticPr fontId="1"/>
  </si>
  <si>
    <t>土壌処理方法：</t>
    <rPh sb="0" eb="2">
      <t>ドジョウ</t>
    </rPh>
    <rPh sb="2" eb="4">
      <t>ショリ</t>
    </rPh>
    <phoneticPr fontId="1"/>
  </si>
  <si>
    <t>基礎内周部にコンクリート打設 + コンクリートのひび割れ等による隙間なし</t>
    <rPh sb="0" eb="2">
      <t>キソ</t>
    </rPh>
    <rPh sb="2" eb="3">
      <t>ナイ</t>
    </rPh>
    <rPh sb="3" eb="4">
      <t>シュウ</t>
    </rPh>
    <rPh sb="4" eb="5">
      <t>ブ</t>
    </rPh>
    <rPh sb="12" eb="13">
      <t>ウ</t>
    </rPh>
    <rPh sb="13" eb="14">
      <t>セツ</t>
    </rPh>
    <phoneticPr fontId="1"/>
  </si>
  <si>
    <t>＋維持保全の強化</t>
    <phoneticPr fontId="1"/>
  </si>
  <si>
    <t>基礎高さ</t>
    <rPh sb="0" eb="2">
      <t>キソ</t>
    </rPh>
    <rPh sb="2" eb="3">
      <t>タカ</t>
    </rPh>
    <phoneticPr fontId="1"/>
  </si>
  <si>
    <t>地面から基礎上端又は土台下端までの高さ</t>
    <rPh sb="1" eb="2">
      <t>メン</t>
    </rPh>
    <rPh sb="4" eb="6">
      <t>キソ</t>
    </rPh>
    <rPh sb="6" eb="7">
      <t>ウワ</t>
    </rPh>
    <rPh sb="7" eb="8">
      <t>ハシ</t>
    </rPh>
    <rPh sb="8" eb="9">
      <t>マタ</t>
    </rPh>
    <rPh sb="10" eb="12">
      <t>ドダイ</t>
    </rPh>
    <rPh sb="12" eb="13">
      <t>シタ</t>
    </rPh>
    <phoneticPr fontId="1"/>
  </si>
  <si>
    <t>mm</t>
    <phoneticPr fontId="1"/>
  </si>
  <si>
    <t>400ｍｍ以上</t>
    <rPh sb="5" eb="7">
      <t>イジョウ</t>
    </rPh>
    <phoneticPr fontId="1"/>
  </si>
  <si>
    <t>矩形図</t>
    <rPh sb="0" eb="2">
      <t>クケイ</t>
    </rPh>
    <rPh sb="2" eb="3">
      <t>ズ</t>
    </rPh>
    <phoneticPr fontId="1"/>
  </si>
  <si>
    <t>300ｍｍ以上＋基礎まわりの雨はね防止措置＋維持保全の強化</t>
    <rPh sb="5" eb="7">
      <t>イジョウ</t>
    </rPh>
    <rPh sb="14" eb="15">
      <t>アメ</t>
    </rPh>
    <rPh sb="17" eb="19">
      <t>ボウシ</t>
    </rPh>
    <rPh sb="19" eb="21">
      <t>ソチ</t>
    </rPh>
    <phoneticPr fontId="1"/>
  </si>
  <si>
    <t>床下防湿</t>
    <rPh sb="0" eb="2">
      <t>ユカシタ</t>
    </rPh>
    <rPh sb="2" eb="4">
      <t>ボウシツ</t>
    </rPh>
    <phoneticPr fontId="1"/>
  </si>
  <si>
    <t>床下地盤面</t>
    <rPh sb="0" eb="2">
      <t>ユカシタ</t>
    </rPh>
    <rPh sb="2" eb="4">
      <t>ジバン</t>
    </rPh>
    <rPh sb="4" eb="5">
      <t>メン</t>
    </rPh>
    <phoneticPr fontId="1"/>
  </si>
  <si>
    <t>防湿方法</t>
  </si>
  <si>
    <t>仕上表</t>
    <rPh sb="0" eb="2">
      <t>シアゲ</t>
    </rPh>
    <rPh sb="2" eb="3">
      <t>ヒョウ</t>
    </rPh>
    <phoneticPr fontId="1"/>
  </si>
  <si>
    <t>措置等</t>
    <rPh sb="0" eb="2">
      <t>ソチ</t>
    </rPh>
    <rPh sb="2" eb="3">
      <t>トウ</t>
    </rPh>
    <phoneticPr fontId="1"/>
  </si>
  <si>
    <t>の防湿措置</t>
    <rPh sb="1" eb="3">
      <t>ボウシツ</t>
    </rPh>
    <rPh sb="3" eb="5">
      <t>ソチ</t>
    </rPh>
    <phoneticPr fontId="1"/>
  </si>
  <si>
    <t>コンクリート</t>
    <phoneticPr fontId="1"/>
  </si>
  <si>
    <t>（厚さ</t>
    <phoneticPr fontId="1"/>
  </si>
  <si>
    <t>基礎伏図</t>
    <rPh sb="0" eb="2">
      <t>キソ</t>
    </rPh>
    <rPh sb="2" eb="3">
      <t>フ</t>
    </rPh>
    <rPh sb="3" eb="4">
      <t>ズ</t>
    </rPh>
    <phoneticPr fontId="1"/>
  </si>
  <si>
    <t>防湿フィルム</t>
    <rPh sb="0" eb="2">
      <t>ボウシツ</t>
    </rPh>
    <phoneticPr fontId="1"/>
  </si>
  <si>
    <t>（材料</t>
    <rPh sb="1" eb="3">
      <t>ザイリョウ</t>
    </rPh>
    <phoneticPr fontId="1"/>
  </si>
  <si>
    <t>厚さ</t>
    <rPh sb="0" eb="1">
      <t>アツ</t>
    </rPh>
    <phoneticPr fontId="1"/>
  </si>
  <si>
    <t>コンクリートのひび割れ等による隙間なし + 床下木部が湿潤していない</t>
    <rPh sb="9" eb="10">
      <t>ワ</t>
    </rPh>
    <rPh sb="11" eb="12">
      <t>トウ</t>
    </rPh>
    <rPh sb="15" eb="17">
      <t>スキマ</t>
    </rPh>
    <phoneticPr fontId="1"/>
  </si>
  <si>
    <t>床下換気</t>
    <phoneticPr fontId="1"/>
  </si>
  <si>
    <t>床下換気</t>
    <rPh sb="0" eb="2">
      <t>ユカシタ</t>
    </rPh>
    <rPh sb="2" eb="4">
      <t>カンキ</t>
    </rPh>
    <phoneticPr fontId="1"/>
  </si>
  <si>
    <t>基礎部の開口</t>
    <rPh sb="0" eb="2">
      <t>キソ</t>
    </rPh>
    <rPh sb="2" eb="3">
      <t>ブ</t>
    </rPh>
    <rPh sb="4" eb="6">
      <t>カイコウ</t>
    </rPh>
    <phoneticPr fontId="1"/>
  </si>
  <si>
    <t>[（</t>
    <phoneticPr fontId="1"/>
  </si>
  <si>
    <t>換気口の設置間隔</t>
    <rPh sb="0" eb="3">
      <t>カンキコウ</t>
    </rPh>
    <rPh sb="4" eb="6">
      <t>セッチ</t>
    </rPh>
    <rPh sb="6" eb="8">
      <t>カンカク</t>
    </rPh>
    <phoneticPr fontId="1"/>
  </si>
  <si>
    <t>措置</t>
    <phoneticPr fontId="1"/>
  </si>
  <si>
    <t>維持保全の強化</t>
    <rPh sb="0" eb="2">
      <t>イジ</t>
    </rPh>
    <rPh sb="2" eb="4">
      <t>ホゼン</t>
    </rPh>
    <rPh sb="5" eb="7">
      <t>キョウカ</t>
    </rPh>
    <phoneticPr fontId="1"/>
  </si>
  <si>
    <t>(</t>
    <phoneticPr fontId="1"/>
  </si>
  <si>
    <t>開口高さ</t>
    <rPh sb="0" eb="2">
      <t>カイコウ</t>
    </rPh>
    <rPh sb="2" eb="3">
      <t>タカ</t>
    </rPh>
    <phoneticPr fontId="1"/>
  </si>
  <si>
    <t>、</t>
    <phoneticPr fontId="1"/>
  </si>
  <si>
    <t>幅</t>
    <rPh sb="0" eb="1">
      <t>ハバ</t>
    </rPh>
    <phoneticPr fontId="1"/>
  </si>
  <si>
    <t>)]</t>
    <phoneticPr fontId="1"/>
  </si>
  <si>
    <t>ねこ土台</t>
    <rPh sb="2" eb="4">
      <t>ドダイ</t>
    </rPh>
    <phoneticPr fontId="1"/>
  </si>
  <si>
    <t>有効面積</t>
    <rPh sb="0" eb="2">
      <t>ユウコウ</t>
    </rPh>
    <rPh sb="2" eb="4">
      <t>メンセキ</t>
    </rPh>
    <phoneticPr fontId="1"/>
  </si>
  <si>
    <t>c㎡/m</t>
    <phoneticPr fontId="1"/>
  </si>
  <si>
    <t>高さ</t>
    <rPh sb="0" eb="1">
      <t>タカ</t>
    </rPh>
    <phoneticPr fontId="1"/>
  </si>
  <si>
    <t>cm</t>
    <phoneticPr fontId="1"/>
  </si>
  <si>
    <t>小屋裏</t>
    <rPh sb="0" eb="2">
      <t>コヤ</t>
    </rPh>
    <rPh sb="2" eb="3">
      <t>ウラ</t>
    </rPh>
    <phoneticPr fontId="1"/>
  </si>
  <si>
    <t>小屋裏換気</t>
    <rPh sb="0" eb="2">
      <t>コヤ</t>
    </rPh>
    <rPh sb="2" eb="3">
      <t>ウラ</t>
    </rPh>
    <rPh sb="3" eb="5">
      <t>カンキ</t>
    </rPh>
    <phoneticPr fontId="1"/>
  </si>
  <si>
    <t>小屋裏の有無</t>
    <rPh sb="0" eb="2">
      <t>コヤ</t>
    </rPh>
    <rPh sb="2" eb="3">
      <t>ウラ</t>
    </rPh>
    <rPh sb="4" eb="6">
      <t>ウム</t>
    </rPh>
    <phoneticPr fontId="1"/>
  </si>
  <si>
    <t>換気</t>
    <rPh sb="0" eb="2">
      <t>カンキ</t>
    </rPh>
    <phoneticPr fontId="1"/>
  </si>
  <si>
    <t>措置</t>
    <rPh sb="0" eb="2">
      <t>ソチ</t>
    </rPh>
    <phoneticPr fontId="1"/>
  </si>
  <si>
    <t>換気口位置</t>
    <rPh sb="0" eb="3">
      <t>カンキコウ</t>
    </rPh>
    <rPh sb="3" eb="5">
      <t>イチ</t>
    </rPh>
    <phoneticPr fontId="1"/>
  </si>
  <si>
    <t>給気口：</t>
    <rPh sb="0" eb="1">
      <t>キュウ</t>
    </rPh>
    <rPh sb="1" eb="2">
      <t>キ</t>
    </rPh>
    <rPh sb="2" eb="3">
      <t>クチ</t>
    </rPh>
    <phoneticPr fontId="1"/>
  </si>
  <si>
    <t>排気口：</t>
    <rPh sb="0" eb="2">
      <t>ハイキ</t>
    </rPh>
    <rPh sb="2" eb="3">
      <t>クチ</t>
    </rPh>
    <phoneticPr fontId="1"/>
  </si>
  <si>
    <t>立面図</t>
    <rPh sb="0" eb="3">
      <t>リツメンズ</t>
    </rPh>
    <phoneticPr fontId="1"/>
  </si>
  <si>
    <t>換気口の面積の天井面積に対する割合</t>
    <rPh sb="0" eb="2">
      <t>カンキ</t>
    </rPh>
    <rPh sb="2" eb="3">
      <t>クチ</t>
    </rPh>
    <rPh sb="4" eb="6">
      <t>メンセキ</t>
    </rPh>
    <rPh sb="7" eb="9">
      <t>テンジョウ</t>
    </rPh>
    <rPh sb="9" eb="11">
      <t>メンセキ</t>
    </rPh>
    <rPh sb="12" eb="13">
      <t>タイ</t>
    </rPh>
    <rPh sb="15" eb="17">
      <t>ワリアイ</t>
    </rPh>
    <phoneticPr fontId="1"/>
  </si>
  <si>
    <t>野地板等の小屋裏木部が湿潤していない＋維持保全の強化</t>
    <rPh sb="0" eb="2">
      <t>ノジ</t>
    </rPh>
    <rPh sb="2" eb="3">
      <t>イタ</t>
    </rPh>
    <rPh sb="3" eb="4">
      <t>トウ</t>
    </rPh>
    <rPh sb="5" eb="7">
      <t>コヤ</t>
    </rPh>
    <rPh sb="7" eb="8">
      <t>ウラ</t>
    </rPh>
    <rPh sb="8" eb="10">
      <t>モクブ</t>
    </rPh>
    <rPh sb="11" eb="13">
      <t>シツジュン</t>
    </rPh>
    <phoneticPr fontId="1"/>
  </si>
  <si>
    <t>点検措置</t>
    <rPh sb="0" eb="2">
      <t>テンケン</t>
    </rPh>
    <rPh sb="2" eb="4">
      <t>ソチ</t>
    </rPh>
    <phoneticPr fontId="1"/>
  </si>
  <si>
    <t>床下空間</t>
    <rPh sb="0" eb="2">
      <t>ユカシタ</t>
    </rPh>
    <rPh sb="2" eb="4">
      <t>クウカン</t>
    </rPh>
    <phoneticPr fontId="1"/>
  </si>
  <si>
    <t>床下空間への設置</t>
    <rPh sb="0" eb="2">
      <t>ユカシタ</t>
    </rPh>
    <rPh sb="2" eb="4">
      <t>クウカン</t>
    </rPh>
    <rPh sb="6" eb="8">
      <t>セッチ</t>
    </rPh>
    <phoneticPr fontId="1"/>
  </si>
  <si>
    <t>点検口</t>
    <phoneticPr fontId="1"/>
  </si>
  <si>
    <t>平面図</t>
    <rPh sb="0" eb="3">
      <t>ヘイメンズ</t>
    </rPh>
    <phoneticPr fontId="1"/>
  </si>
  <si>
    <t>小屋裏空間</t>
    <rPh sb="0" eb="2">
      <t>コヤ</t>
    </rPh>
    <rPh sb="2" eb="3">
      <t>ウラ</t>
    </rPh>
    <rPh sb="3" eb="5">
      <t>クウカン</t>
    </rPh>
    <phoneticPr fontId="1"/>
  </si>
  <si>
    <t>床下有効高さ</t>
    <rPh sb="0" eb="1">
      <t>ユカ</t>
    </rPh>
    <rPh sb="1" eb="2">
      <t>シタ</t>
    </rPh>
    <rPh sb="2" eb="4">
      <t>ユウコウ</t>
    </rPh>
    <rPh sb="4" eb="5">
      <t>タカ</t>
    </rPh>
    <phoneticPr fontId="1"/>
  </si>
  <si>
    <t>床下空間の有効高さ</t>
    <phoneticPr fontId="1"/>
  </si>
  <si>
    <t>点検口から目視等により点検可能</t>
    <rPh sb="0" eb="2">
      <t>テンケン</t>
    </rPh>
    <rPh sb="2" eb="3">
      <t>クチ</t>
    </rPh>
    <rPh sb="5" eb="7">
      <t>モクシ</t>
    </rPh>
    <rPh sb="7" eb="8">
      <t>トウ</t>
    </rPh>
    <rPh sb="11" eb="13">
      <t>テンケン</t>
    </rPh>
    <rPh sb="13" eb="15">
      <t>カノウ</t>
    </rPh>
    <phoneticPr fontId="1"/>
  </si>
  <si>
    <t>小屋裏空間への設置</t>
    <rPh sb="0" eb="2">
      <t>コヤ</t>
    </rPh>
    <rPh sb="2" eb="3">
      <t>ウラ</t>
    </rPh>
    <rPh sb="3" eb="5">
      <t>クウカン</t>
    </rPh>
    <rPh sb="7" eb="9">
      <t>セッチ</t>
    </rPh>
    <phoneticPr fontId="1"/>
  </si>
  <si>
    <t>劣化事象</t>
    <rPh sb="0" eb="2">
      <t>レッカ</t>
    </rPh>
    <rPh sb="2" eb="4">
      <t>ジショウ</t>
    </rPh>
    <phoneticPr fontId="1"/>
  </si>
  <si>
    <t>著しい劣化</t>
    <rPh sb="0" eb="1">
      <t>イチジル</t>
    </rPh>
    <rPh sb="3" eb="5">
      <t>レッカ</t>
    </rPh>
    <phoneticPr fontId="1"/>
  </si>
  <si>
    <t>劣化対策に大きく影響すると見込まれる劣化事象等が認められない</t>
    <rPh sb="0" eb="2">
      <t>レッカ</t>
    </rPh>
    <rPh sb="2" eb="4">
      <t>タイサク</t>
    </rPh>
    <rPh sb="5" eb="6">
      <t>オオ</t>
    </rPh>
    <rPh sb="8" eb="10">
      <t>エイキョウ</t>
    </rPh>
    <rPh sb="13" eb="15">
      <t>ミコ</t>
    </rPh>
    <rPh sb="18" eb="20">
      <t>レッカ</t>
    </rPh>
    <rPh sb="20" eb="22">
      <t>ジショウ</t>
    </rPh>
    <rPh sb="22" eb="23">
      <t>トウ</t>
    </rPh>
    <rPh sb="24" eb="25">
      <t>ミト</t>
    </rPh>
    <phoneticPr fontId="1"/>
  </si>
  <si>
    <t>事象等</t>
    <rPh sb="0" eb="2">
      <t>ジショウ</t>
    </rPh>
    <rPh sb="2" eb="3">
      <t>トウ</t>
    </rPh>
    <phoneticPr fontId="1"/>
  </si>
  <si>
    <t>劣化対策に大きく影響すると見込まれる劣化事象等が認められたが補修を行う</t>
    <rPh sb="0" eb="2">
      <t>レッカ</t>
    </rPh>
    <rPh sb="2" eb="4">
      <t>タイサク</t>
    </rPh>
    <rPh sb="5" eb="6">
      <t>オオ</t>
    </rPh>
    <rPh sb="8" eb="10">
      <t>エイキョウ</t>
    </rPh>
    <rPh sb="13" eb="15">
      <t>ミコ</t>
    </rPh>
    <rPh sb="18" eb="20">
      <t>レッカ</t>
    </rPh>
    <rPh sb="20" eb="22">
      <t>ジショウ</t>
    </rPh>
    <rPh sb="22" eb="23">
      <t>トウ</t>
    </rPh>
    <rPh sb="24" eb="25">
      <t>ミト</t>
    </rPh>
    <rPh sb="30" eb="32">
      <t>ホシュウ</t>
    </rPh>
    <rPh sb="33" eb="34">
      <t>オコナ</t>
    </rPh>
    <phoneticPr fontId="1"/>
  </si>
  <si>
    <t>※この欄に記載されている事項は、必要な範囲内で、個別の申請において詳細に設定してください。</t>
    <rPh sb="3" eb="4">
      <t>ラン</t>
    </rPh>
    <rPh sb="5" eb="7">
      <t>キサイ</t>
    </rPh>
    <rPh sb="12" eb="14">
      <t>ジコウ</t>
    </rPh>
    <rPh sb="16" eb="18">
      <t>ヒツヨウ</t>
    </rPh>
    <rPh sb="19" eb="22">
      <t>ハンイナイ</t>
    </rPh>
    <rPh sb="24" eb="26">
      <t>コベツ</t>
    </rPh>
    <rPh sb="27" eb="29">
      <t>シンセイ</t>
    </rPh>
    <rPh sb="33" eb="35">
      <t>ショウサイ</t>
    </rPh>
    <rPh sb="36" eb="38">
      <t>セッテイ</t>
    </rPh>
    <phoneticPr fontId="1"/>
  </si>
  <si>
    <t>2.耐震性</t>
    <rPh sb="2" eb="5">
      <t>タイシンセイ</t>
    </rPh>
    <phoneticPr fontId="1"/>
  </si>
  <si>
    <t>構造躯体</t>
    <rPh sb="0" eb="2">
      <t>コウゾウ</t>
    </rPh>
    <rPh sb="2" eb="4">
      <t>クタイ</t>
    </rPh>
    <phoneticPr fontId="1"/>
  </si>
  <si>
    <t>検証方法</t>
    <rPh sb="0" eb="2">
      <t>ケンショウ</t>
    </rPh>
    <rPh sb="2" eb="4">
      <t>ホウホウ</t>
    </rPh>
    <phoneticPr fontId="1"/>
  </si>
  <si>
    <t>新築時の耐震性を確認でき、耐震性に影響のある増改築等</t>
    <rPh sb="0" eb="2">
      <t>シンチク</t>
    </rPh>
    <rPh sb="2" eb="3">
      <t>ジ</t>
    </rPh>
    <rPh sb="4" eb="7">
      <t>タイシンセイ</t>
    </rPh>
    <rPh sb="8" eb="10">
      <t>カクニン</t>
    </rPh>
    <rPh sb="13" eb="16">
      <t>タイシンセイ</t>
    </rPh>
    <rPh sb="17" eb="19">
      <t>エイキョウ</t>
    </rPh>
    <rPh sb="22" eb="25">
      <t>ゾウカイチク</t>
    </rPh>
    <rPh sb="25" eb="26">
      <t>トウ</t>
    </rPh>
    <phoneticPr fontId="1"/>
  </si>
  <si>
    <t>構造計算書</t>
    <rPh sb="0" eb="2">
      <t>コウゾウ</t>
    </rPh>
    <rPh sb="2" eb="5">
      <t>ケイサンショ</t>
    </rPh>
    <phoneticPr fontId="1"/>
  </si>
  <si>
    <t>及び</t>
    <phoneticPr fontId="1"/>
  </si>
  <si>
    <t>が行われていない</t>
    <phoneticPr fontId="1"/>
  </si>
  <si>
    <t>耐震診断結果報告書</t>
    <rPh sb="0" eb="2">
      <t>タイシン</t>
    </rPh>
    <rPh sb="2" eb="4">
      <t>シンダン</t>
    </rPh>
    <rPh sb="4" eb="6">
      <t>ケッカ</t>
    </rPh>
    <rPh sb="6" eb="9">
      <t>ホウコクショ</t>
    </rPh>
    <phoneticPr fontId="1"/>
  </si>
  <si>
    <t>基礎等</t>
    <phoneticPr fontId="1"/>
  </si>
  <si>
    <t>S56.6.1以降着工</t>
    <rPh sb="7" eb="9">
      <t>イコウ</t>
    </rPh>
    <rPh sb="9" eb="11">
      <t>チャッコウ</t>
    </rPh>
    <phoneticPr fontId="1"/>
  </si>
  <si>
    <t>耐震改修法告示Iw値≧1.0</t>
    <rPh sb="0" eb="2">
      <t>タイシン</t>
    </rPh>
    <rPh sb="2" eb="4">
      <t>カイシュウ</t>
    </rPh>
    <rPh sb="4" eb="5">
      <t>ホウ</t>
    </rPh>
    <rPh sb="5" eb="7">
      <t>コクジ</t>
    </rPh>
    <rPh sb="9" eb="10">
      <t>チ</t>
    </rPh>
    <phoneticPr fontId="1"/>
  </si>
  <si>
    <t>耐震改修法告示と同等</t>
    <rPh sb="8" eb="10">
      <t>ドウトウ</t>
    </rPh>
    <phoneticPr fontId="1"/>
  </si>
  <si>
    <t>）</t>
  </si>
  <si>
    <t>耐震等級（倒壊等防止）等級１以上</t>
    <rPh sb="0" eb="2">
      <t>タイシン</t>
    </rPh>
    <rPh sb="2" eb="4">
      <t>トウキュウ</t>
    </rPh>
    <rPh sb="5" eb="7">
      <t>トウカイ</t>
    </rPh>
    <rPh sb="7" eb="8">
      <t>トウ</t>
    </rPh>
    <rPh sb="8" eb="10">
      <t>ボウシ</t>
    </rPh>
    <rPh sb="11" eb="13">
      <t>トウキュウ</t>
    </rPh>
    <rPh sb="14" eb="16">
      <t>イジョウ</t>
    </rPh>
    <phoneticPr fontId="1"/>
  </si>
  <si>
    <t>免震建築物</t>
    <rPh sb="0" eb="1">
      <t>メン</t>
    </rPh>
    <rPh sb="1" eb="2">
      <t>シン</t>
    </rPh>
    <rPh sb="2" eb="5">
      <t>ケンチクブツ</t>
    </rPh>
    <phoneticPr fontId="1"/>
  </si>
  <si>
    <t>平成12年建設省告示第2009号第1第3号による免震建築物</t>
    <rPh sb="0" eb="2">
      <t>ヘイセイ</t>
    </rPh>
    <rPh sb="4" eb="5">
      <t>ネン</t>
    </rPh>
    <rPh sb="5" eb="8">
      <t>ケンセツショウ</t>
    </rPh>
    <rPh sb="8" eb="10">
      <t>コクジ</t>
    </rPh>
    <rPh sb="10" eb="11">
      <t>ダイ</t>
    </rPh>
    <rPh sb="15" eb="16">
      <t>ゴウ</t>
    </rPh>
    <rPh sb="16" eb="17">
      <t>ダイ</t>
    </rPh>
    <rPh sb="18" eb="19">
      <t>ダイ</t>
    </rPh>
    <rPh sb="20" eb="21">
      <t>ゴウ</t>
    </rPh>
    <phoneticPr fontId="1"/>
  </si>
  <si>
    <t>同告示第２の該当する号</t>
    <rPh sb="0" eb="1">
      <t>ドウ</t>
    </rPh>
    <rPh sb="1" eb="3">
      <t>コクジ</t>
    </rPh>
    <rPh sb="3" eb="4">
      <t>ダイ</t>
    </rPh>
    <rPh sb="6" eb="8">
      <t>ガイトウ</t>
    </rPh>
    <rPh sb="10" eb="11">
      <t>ゴウ</t>
    </rPh>
    <phoneticPr fontId="1"/>
  </si>
  <si>
    <t>一号（四号建築物）</t>
    <rPh sb="0" eb="2">
      <t>イチゴウ</t>
    </rPh>
    <rPh sb="3" eb="4">
      <t>４</t>
    </rPh>
    <rPh sb="4" eb="5">
      <t>ゴウ</t>
    </rPh>
    <rPh sb="5" eb="8">
      <t>ケンチクブツ</t>
    </rPh>
    <phoneticPr fontId="1"/>
  </si>
  <si>
    <t>二号（建築基準法第20条第二号に掲げる建築物）</t>
    <rPh sb="0" eb="2">
      <t>２ゴウ</t>
    </rPh>
    <rPh sb="3" eb="5">
      <t>ケンチク</t>
    </rPh>
    <rPh sb="5" eb="8">
      <t>キジュンホウ</t>
    </rPh>
    <rPh sb="8" eb="9">
      <t>ダイ</t>
    </rPh>
    <rPh sb="11" eb="12">
      <t>ジョウ</t>
    </rPh>
    <rPh sb="12" eb="13">
      <t>ダイ</t>
    </rPh>
    <rPh sb="13" eb="15">
      <t>ニゴウ</t>
    </rPh>
    <rPh sb="16" eb="17">
      <t>カカ</t>
    </rPh>
    <rPh sb="19" eb="22">
      <t>ケンチクブツ</t>
    </rPh>
    <phoneticPr fontId="1"/>
  </si>
  <si>
    <t>三号（時刻歴応答解析を行い大臣認定を取得）</t>
    <rPh sb="0" eb="2">
      <t>３ゴウ</t>
    </rPh>
    <rPh sb="3" eb="5">
      <t>ジコク</t>
    </rPh>
    <rPh sb="5" eb="6">
      <t>レキ</t>
    </rPh>
    <rPh sb="6" eb="8">
      <t>オウトウ</t>
    </rPh>
    <rPh sb="8" eb="10">
      <t>カイセキ</t>
    </rPh>
    <rPh sb="11" eb="12">
      <t>オコナ</t>
    </rPh>
    <rPh sb="13" eb="15">
      <t>ダイジン</t>
    </rPh>
    <rPh sb="15" eb="17">
      <t>ニンテイ</t>
    </rPh>
    <rPh sb="18" eb="20">
      <t>シュトク</t>
    </rPh>
    <phoneticPr fontId="1"/>
  </si>
  <si>
    <t>免震層、免震材料の維持に関する計画</t>
    <rPh sb="0" eb="1">
      <t>メン</t>
    </rPh>
    <rPh sb="1" eb="2">
      <t>シン</t>
    </rPh>
    <rPh sb="2" eb="3">
      <t>ソウ</t>
    </rPh>
    <rPh sb="4" eb="5">
      <t>メン</t>
    </rPh>
    <rPh sb="5" eb="6">
      <t>シン</t>
    </rPh>
    <rPh sb="6" eb="8">
      <t>ザイリョウ</t>
    </rPh>
    <rPh sb="9" eb="11">
      <t>イジ</t>
    </rPh>
    <rPh sb="12" eb="13">
      <t>カン</t>
    </rPh>
    <rPh sb="15" eb="17">
      <t>ケイカク</t>
    </rPh>
    <phoneticPr fontId="1"/>
  </si>
  <si>
    <t>免震材料等の維持管理に関する計画</t>
    <rPh sb="0" eb="1">
      <t>メン</t>
    </rPh>
    <rPh sb="1" eb="2">
      <t>シン</t>
    </rPh>
    <rPh sb="2" eb="4">
      <t>ザイリョウ</t>
    </rPh>
    <rPh sb="4" eb="5">
      <t>トウ</t>
    </rPh>
    <rPh sb="6" eb="8">
      <t>イジ</t>
    </rPh>
    <rPh sb="8" eb="10">
      <t>カンリ</t>
    </rPh>
    <rPh sb="11" eb="12">
      <t>カン</t>
    </rPh>
    <rPh sb="14" eb="16">
      <t>ケイカク</t>
    </rPh>
    <phoneticPr fontId="1"/>
  </si>
  <si>
    <t>敷地の管理に関する計画</t>
    <rPh sb="0" eb="2">
      <t>シキチ</t>
    </rPh>
    <rPh sb="3" eb="5">
      <t>カンリ</t>
    </rPh>
    <rPh sb="6" eb="7">
      <t>カン</t>
    </rPh>
    <rPh sb="9" eb="11">
      <t>ケイカク</t>
    </rPh>
    <phoneticPr fontId="1"/>
  </si>
  <si>
    <t>耐力壁</t>
    <rPh sb="0" eb="2">
      <t>タイリョク</t>
    </rPh>
    <rPh sb="2" eb="3">
      <t>カベ</t>
    </rPh>
    <phoneticPr fontId="1"/>
  </si>
  <si>
    <t>筋交い</t>
    <rPh sb="0" eb="2">
      <t>スジカ</t>
    </rPh>
    <phoneticPr fontId="1"/>
  </si>
  <si>
    <t>・種類</t>
    <rPh sb="1" eb="3">
      <t>シュルイ</t>
    </rPh>
    <phoneticPr fontId="1"/>
  </si>
  <si>
    <t>寸法</t>
    <rPh sb="0" eb="2">
      <t>スンポウ</t>
    </rPh>
    <phoneticPr fontId="1"/>
  </si>
  <si>
    <t>構造伏図</t>
    <rPh sb="0" eb="2">
      <t>コウゾウ</t>
    </rPh>
    <rPh sb="2" eb="3">
      <t>フ</t>
    </rPh>
    <rPh sb="3" eb="4">
      <t>ズ</t>
    </rPh>
    <phoneticPr fontId="1"/>
  </si>
  <si>
    <t>耐力壁</t>
    <phoneticPr fontId="1"/>
  </si>
  <si>
    <t>矩計図</t>
    <rPh sb="0" eb="3">
      <t>カナバカリ</t>
    </rPh>
    <phoneticPr fontId="1"/>
  </si>
  <si>
    <t>木摺耐力壁</t>
    <rPh sb="0" eb="1">
      <t>キ</t>
    </rPh>
    <rPh sb="1" eb="2">
      <t>スリ</t>
    </rPh>
    <rPh sb="2" eb="4">
      <t>タイリョク</t>
    </rPh>
    <rPh sb="4" eb="5">
      <t>カベ</t>
    </rPh>
    <phoneticPr fontId="1"/>
  </si>
  <si>
    <t>・間隔</t>
    <rPh sb="1" eb="3">
      <t>カンカク</t>
    </rPh>
    <phoneticPr fontId="1"/>
  </si>
  <si>
    <t>面材耐力壁</t>
    <rPh sb="0" eb="1">
      <t>メン</t>
    </rPh>
    <rPh sb="1" eb="2">
      <t>ザイ</t>
    </rPh>
    <rPh sb="2" eb="4">
      <t>タイリョク</t>
    </rPh>
    <rPh sb="4" eb="5">
      <t>カベ</t>
    </rPh>
    <phoneticPr fontId="1"/>
  </si>
  <si>
    <t>・面材厚さ</t>
    <rPh sb="1" eb="4">
      <t>メンザイアツ</t>
    </rPh>
    <phoneticPr fontId="1"/>
  </si>
  <si>
    <t>mm）</t>
    <phoneticPr fontId="1"/>
  </si>
  <si>
    <t>倍率</t>
    <rPh sb="0" eb="2">
      <t>バイリツ</t>
    </rPh>
    <phoneticPr fontId="1"/>
  </si>
  <si>
    <t xml:space="preserve"> ・釘種類</t>
    <rPh sb="2" eb="3">
      <t>クギ</t>
    </rPh>
    <rPh sb="3" eb="5">
      <t>シュルイ</t>
    </rPh>
    <phoneticPr fontId="1"/>
  </si>
  <si>
    <t>釘間隔</t>
    <rPh sb="0" eb="1">
      <t>クギ</t>
    </rPh>
    <rPh sb="1" eb="3">
      <t>カンカク</t>
    </rPh>
    <phoneticPr fontId="1"/>
  </si>
  <si>
    <t>準耐力壁</t>
    <rPh sb="0" eb="1">
      <t>ジュン</t>
    </rPh>
    <rPh sb="1" eb="3">
      <t>タイリョク</t>
    </rPh>
    <rPh sb="3" eb="4">
      <t>カベ</t>
    </rPh>
    <phoneticPr fontId="1"/>
  </si>
  <si>
    <t>木摺</t>
    <rPh sb="0" eb="1">
      <t>キ</t>
    </rPh>
    <rPh sb="1" eb="2">
      <t>スリ</t>
    </rPh>
    <phoneticPr fontId="1"/>
  </si>
  <si>
    <t>準耐力壁</t>
    <phoneticPr fontId="1"/>
  </si>
  <si>
    <t>床組等</t>
    <rPh sb="0" eb="1">
      <t>ユカ</t>
    </rPh>
    <rPh sb="1" eb="2">
      <t>クミ</t>
    </rPh>
    <rPh sb="2" eb="3">
      <t>トウ</t>
    </rPh>
    <phoneticPr fontId="1"/>
  </si>
  <si>
    <t>火打ち構面</t>
    <rPh sb="0" eb="1">
      <t>ヒ</t>
    </rPh>
    <rPh sb="1" eb="2">
      <t>ウ</t>
    </rPh>
    <rPh sb="3" eb="4">
      <t>コウ</t>
    </rPh>
    <rPh sb="4" eb="5">
      <t>メン</t>
    </rPh>
    <phoneticPr fontId="1"/>
  </si>
  <si>
    <t>・隅長</t>
    <rPh sb="1" eb="2">
      <t>スミ</t>
    </rPh>
    <rPh sb="2" eb="3">
      <t>ナガ</t>
    </rPh>
    <phoneticPr fontId="1"/>
  </si>
  <si>
    <t>取合梁背</t>
    <rPh sb="0" eb="1">
      <t>ト</t>
    </rPh>
    <rPh sb="1" eb="2">
      <t>ア</t>
    </rPh>
    <rPh sb="2" eb="3">
      <t>ハリ</t>
    </rPh>
    <rPh sb="3" eb="4">
      <t>セ</t>
    </rPh>
    <phoneticPr fontId="1"/>
  </si>
  <si>
    <t xml:space="preserve"> ・火打ち構面位置</t>
    <rPh sb="2" eb="3">
      <t>ヒ</t>
    </rPh>
    <rPh sb="3" eb="4">
      <t>ウ</t>
    </rPh>
    <rPh sb="5" eb="6">
      <t>コウ</t>
    </rPh>
    <rPh sb="6" eb="7">
      <t>メン</t>
    </rPh>
    <rPh sb="7" eb="9">
      <t>イチ</t>
    </rPh>
    <phoneticPr fontId="1"/>
  </si>
  <si>
    <t>２階床面</t>
    <rPh sb="1" eb="2">
      <t>カイ</t>
    </rPh>
    <rPh sb="2" eb="4">
      <t>ユカメン</t>
    </rPh>
    <phoneticPr fontId="1"/>
  </si>
  <si>
    <t>・面材の種類</t>
    <rPh sb="1" eb="2">
      <t>メン</t>
    </rPh>
    <rPh sb="2" eb="3">
      <t>ザイ</t>
    </rPh>
    <rPh sb="4" eb="6">
      <t>シュルイ</t>
    </rPh>
    <phoneticPr fontId="1"/>
  </si>
  <si>
    <t>・根太間隔</t>
    <rPh sb="1" eb="3">
      <t>ネダ</t>
    </rPh>
    <rPh sb="3" eb="5">
      <t>カンカク</t>
    </rPh>
    <phoneticPr fontId="1"/>
  </si>
  <si>
    <t>工法</t>
    <rPh sb="0" eb="2">
      <t>コウホウ</t>
    </rPh>
    <phoneticPr fontId="1"/>
  </si>
  <si>
    <t>３階床面</t>
    <rPh sb="1" eb="2">
      <t>カイ</t>
    </rPh>
    <rPh sb="2" eb="4">
      <t>ユカメン</t>
    </rPh>
    <phoneticPr fontId="1"/>
  </si>
  <si>
    <t>小屋床面</t>
    <rPh sb="0" eb="2">
      <t>コヤ</t>
    </rPh>
    <rPh sb="2" eb="3">
      <t>ユカ</t>
    </rPh>
    <rPh sb="3" eb="4">
      <t>メン</t>
    </rPh>
    <phoneticPr fontId="1"/>
  </si>
  <si>
    <t>屋根面</t>
    <rPh sb="0" eb="2">
      <t>ヤネ</t>
    </rPh>
    <rPh sb="2" eb="3">
      <t>メン</t>
    </rPh>
    <phoneticPr fontId="1"/>
  </si>
  <si>
    <t>屋根勾配</t>
    <rPh sb="0" eb="2">
      <t>ヤネ</t>
    </rPh>
    <rPh sb="2" eb="4">
      <t>コウバイ</t>
    </rPh>
    <phoneticPr fontId="1"/>
  </si>
  <si>
    <t>・勾配</t>
    <rPh sb="1" eb="3">
      <t>コウバイ</t>
    </rPh>
    <phoneticPr fontId="1"/>
  </si>
  <si>
    <t>屋根構面</t>
    <rPh sb="0" eb="2">
      <t>ヤネ</t>
    </rPh>
    <rPh sb="2" eb="3">
      <t>カマエ</t>
    </rPh>
    <rPh sb="3" eb="4">
      <t>メン</t>
    </rPh>
    <phoneticPr fontId="1"/>
  </si>
  <si>
    <t>・垂木間隔</t>
    <rPh sb="1" eb="3">
      <t>タルキ</t>
    </rPh>
    <rPh sb="3" eb="5">
      <t>カンカク</t>
    </rPh>
    <phoneticPr fontId="1"/>
  </si>
  <si>
    <t>接合部</t>
    <rPh sb="0" eb="2">
      <t>セツゴウ</t>
    </rPh>
    <rPh sb="2" eb="3">
      <t>ブ</t>
    </rPh>
    <phoneticPr fontId="1"/>
  </si>
  <si>
    <t>筋交い端部の</t>
    <rPh sb="0" eb="2">
      <t>スジカ</t>
    </rPh>
    <rPh sb="3" eb="4">
      <t>タン</t>
    </rPh>
    <rPh sb="4" eb="5">
      <t>ブ</t>
    </rPh>
    <phoneticPr fontId="1"/>
  </si>
  <si>
    <t>・接合部の仕様</t>
    <rPh sb="1" eb="3">
      <t>セツゴウ</t>
    </rPh>
    <rPh sb="3" eb="4">
      <t>ブ</t>
    </rPh>
    <rPh sb="5" eb="7">
      <t>シヨウ</t>
    </rPh>
    <phoneticPr fontId="1"/>
  </si>
  <si>
    <t>柱脚・柱頭の</t>
    <rPh sb="0" eb="1">
      <t>ハシラ</t>
    </rPh>
    <rPh sb="1" eb="2">
      <t>アシ</t>
    </rPh>
    <rPh sb="3" eb="4">
      <t>ハシラ</t>
    </rPh>
    <rPh sb="4" eb="5">
      <t>アタマ</t>
    </rPh>
    <phoneticPr fontId="1"/>
  </si>
  <si>
    <t>・柱脚・柱頭の接合部の検証方法</t>
    <rPh sb="7" eb="9">
      <t>セツゴウ</t>
    </rPh>
    <rPh sb="9" eb="10">
      <t>ブ</t>
    </rPh>
    <rPh sb="11" eb="13">
      <t>ケンショウ</t>
    </rPh>
    <rPh sb="13" eb="15">
      <t>ホウホウ</t>
    </rPh>
    <phoneticPr fontId="1"/>
  </si>
  <si>
    <t>平成12年建設省告示第1460号（仕様規定）</t>
    <rPh sb="0" eb="2">
      <t>ヘイセイ</t>
    </rPh>
    <rPh sb="4" eb="5">
      <t>ネン</t>
    </rPh>
    <rPh sb="5" eb="8">
      <t>ケンセツショウ</t>
    </rPh>
    <rPh sb="8" eb="10">
      <t>コクジ</t>
    </rPh>
    <rPh sb="10" eb="11">
      <t>ダイ</t>
    </rPh>
    <rPh sb="15" eb="16">
      <t>ゴウ</t>
    </rPh>
    <rPh sb="17" eb="19">
      <t>シヨウ</t>
    </rPh>
    <rPh sb="19" eb="21">
      <t>キテイ</t>
    </rPh>
    <phoneticPr fontId="1"/>
  </si>
  <si>
    <t>Ｎ値計算法</t>
    <rPh sb="1" eb="2">
      <t>チ</t>
    </rPh>
    <rPh sb="2" eb="5">
      <t>ケイサンホウ</t>
    </rPh>
    <phoneticPr fontId="1"/>
  </si>
  <si>
    <t>許容応力度等計算</t>
    <rPh sb="0" eb="2">
      <t>キョヨウ</t>
    </rPh>
    <rPh sb="2" eb="4">
      <t>オウリョク</t>
    </rPh>
    <rPh sb="4" eb="5">
      <t>ド</t>
    </rPh>
    <rPh sb="5" eb="6">
      <t>トウ</t>
    </rPh>
    <rPh sb="6" eb="8">
      <t>ケイサン</t>
    </rPh>
    <phoneticPr fontId="1"/>
  </si>
  <si>
    <t>横架材</t>
    <rPh sb="0" eb="1">
      <t>ヨコ</t>
    </rPh>
    <rPh sb="1" eb="2">
      <t>カ</t>
    </rPh>
    <rPh sb="2" eb="3">
      <t>ザイ</t>
    </rPh>
    <phoneticPr fontId="1"/>
  </si>
  <si>
    <t>接合部</t>
    <phoneticPr fontId="1"/>
  </si>
  <si>
    <t>胴差しと通し</t>
    <rPh sb="0" eb="1">
      <t>ドウ</t>
    </rPh>
    <rPh sb="1" eb="2">
      <t>サ</t>
    </rPh>
    <rPh sb="4" eb="5">
      <t>トオ</t>
    </rPh>
    <phoneticPr fontId="1"/>
  </si>
  <si>
    <t>柱の接合部</t>
    <rPh sb="0" eb="1">
      <t>ハシラ</t>
    </rPh>
    <rPh sb="2" eb="4">
      <t>セツゴウ</t>
    </rPh>
    <rPh sb="4" eb="5">
      <t>ブ</t>
    </rPh>
    <phoneticPr fontId="1"/>
  </si>
  <si>
    <t>基礎</t>
    <rPh sb="0" eb="2">
      <t>キソ</t>
    </rPh>
    <phoneticPr fontId="1"/>
  </si>
  <si>
    <t>基礎の形式</t>
    <rPh sb="0" eb="2">
      <t>キソ</t>
    </rPh>
    <rPh sb="3" eb="5">
      <t>ケイシキ</t>
    </rPh>
    <phoneticPr fontId="1"/>
  </si>
  <si>
    <t>布基礎</t>
    <rPh sb="0" eb="1">
      <t>ヌノ</t>
    </rPh>
    <rPh sb="1" eb="3">
      <t>キソ</t>
    </rPh>
    <phoneticPr fontId="1"/>
  </si>
  <si>
    <t>べた基礎</t>
    <rPh sb="2" eb="4">
      <t>キソ</t>
    </rPh>
    <phoneticPr fontId="1"/>
  </si>
  <si>
    <t>寸法及び配</t>
    <rPh sb="0" eb="2">
      <t>スンポウ</t>
    </rPh>
    <rPh sb="2" eb="3">
      <t>オヨ</t>
    </rPh>
    <rPh sb="4" eb="5">
      <t>クバ</t>
    </rPh>
    <phoneticPr fontId="1"/>
  </si>
  <si>
    <t>スパン表による</t>
    <rPh sb="3" eb="4">
      <t>ヒョウ</t>
    </rPh>
    <phoneticPr fontId="1"/>
  </si>
  <si>
    <t>筋等の検証</t>
    <rPh sb="1" eb="2">
      <t>トウ</t>
    </rPh>
    <rPh sb="3" eb="5">
      <t>ケンショウ</t>
    </rPh>
    <phoneticPr fontId="1"/>
  </si>
  <si>
    <t>（種類：</t>
    <rPh sb="1" eb="3">
      <t>シュルイ</t>
    </rPh>
    <phoneticPr fontId="1"/>
  </si>
  <si>
    <t>方法</t>
    <phoneticPr fontId="1"/>
  </si>
  <si>
    <t>許容応力度計算による</t>
    <rPh sb="0" eb="2">
      <t>キョヨウ</t>
    </rPh>
    <rPh sb="2" eb="4">
      <t>オウリョク</t>
    </rPh>
    <rPh sb="4" eb="5">
      <t>ド</t>
    </rPh>
    <rPh sb="5" eb="7">
      <t>ケイサン</t>
    </rPh>
    <phoneticPr fontId="1"/>
  </si>
  <si>
    <t>アンカー</t>
    <phoneticPr fontId="1"/>
  </si>
  <si>
    <t>・品質</t>
    <rPh sb="1" eb="3">
      <t>ヒンシツ</t>
    </rPh>
    <phoneticPr fontId="1"/>
  </si>
  <si>
    <t>ボルト</t>
    <phoneticPr fontId="1"/>
  </si>
  <si>
    <t>・埋め込み長さ</t>
    <rPh sb="1" eb="2">
      <t>ウ</t>
    </rPh>
    <rPh sb="3" eb="4">
      <t>コ</t>
    </rPh>
    <rPh sb="5" eb="6">
      <t>ナガ</t>
    </rPh>
    <phoneticPr fontId="1"/>
  </si>
  <si>
    <t>・位置・間隔</t>
    <rPh sb="1" eb="3">
      <t>イチ</t>
    </rPh>
    <rPh sb="4" eb="6">
      <t>カンカク</t>
    </rPh>
    <phoneticPr fontId="1"/>
  </si>
  <si>
    <t>構造耐力に大きく影響すると見込まれる劣化事象等が認められない</t>
    <rPh sb="0" eb="2">
      <t>コウゾウ</t>
    </rPh>
    <rPh sb="2" eb="4">
      <t>タイリョク</t>
    </rPh>
    <rPh sb="5" eb="6">
      <t>オオ</t>
    </rPh>
    <rPh sb="8" eb="10">
      <t>エイキョウ</t>
    </rPh>
    <rPh sb="13" eb="15">
      <t>ミコ</t>
    </rPh>
    <rPh sb="18" eb="20">
      <t>レッカ</t>
    </rPh>
    <rPh sb="20" eb="22">
      <t>ジショウ</t>
    </rPh>
    <rPh sb="22" eb="23">
      <t>トウ</t>
    </rPh>
    <rPh sb="24" eb="25">
      <t>ミト</t>
    </rPh>
    <phoneticPr fontId="1"/>
  </si>
  <si>
    <t>構造耐力に大きく影響すると見込まれる劣化事象等が認められたが補修を行う</t>
    <rPh sb="0" eb="2">
      <t>コウゾウ</t>
    </rPh>
    <rPh sb="2" eb="4">
      <t>タイリョク</t>
    </rPh>
    <rPh sb="5" eb="6">
      <t>オオ</t>
    </rPh>
    <rPh sb="8" eb="10">
      <t>エイキョウ</t>
    </rPh>
    <rPh sb="13" eb="15">
      <t>ミコ</t>
    </rPh>
    <rPh sb="18" eb="20">
      <t>レッカ</t>
    </rPh>
    <rPh sb="20" eb="22">
      <t>ジショウ</t>
    </rPh>
    <rPh sb="22" eb="23">
      <t>トウ</t>
    </rPh>
    <rPh sb="24" eb="25">
      <t>ミト</t>
    </rPh>
    <rPh sb="30" eb="32">
      <t>ホシュウ</t>
    </rPh>
    <rPh sb="33" eb="34">
      <t>オコナ</t>
    </rPh>
    <phoneticPr fontId="1"/>
  </si>
  <si>
    <t>設計内容説明書【一戸建ての木造軸組住宅用】</t>
    <phoneticPr fontId="1"/>
  </si>
  <si>
    <t>（第二面）</t>
    <phoneticPr fontId="1"/>
  </si>
  <si>
    <t>3.可変性</t>
    <rPh sb="2" eb="5">
      <t>カヘンセイ</t>
    </rPh>
    <phoneticPr fontId="1"/>
  </si>
  <si>
    <t>（一戸建て住宅のため該当なし）</t>
  </si>
  <si>
    <t>4.維持管理</t>
    <rPh sb="2" eb="4">
      <t>イジ</t>
    </rPh>
    <rPh sb="4" eb="6">
      <t>カンリ</t>
    </rPh>
    <phoneticPr fontId="1"/>
  </si>
  <si>
    <t>専用配管</t>
    <rPh sb="0" eb="2">
      <t>センヨウ</t>
    </rPh>
    <rPh sb="2" eb="4">
      <t>ハイカン</t>
    </rPh>
    <phoneticPr fontId="1"/>
  </si>
  <si>
    <t>排水管</t>
    <rPh sb="0" eb="2">
      <t>ハイスイ</t>
    </rPh>
    <rPh sb="2" eb="3">
      <t>カン</t>
    </rPh>
    <phoneticPr fontId="1"/>
  </si>
  <si>
    <t>維持保全計画に将来的な適合を計画</t>
    <rPh sb="0" eb="2">
      <t>イジ</t>
    </rPh>
    <rPh sb="2" eb="4">
      <t>ホゼン</t>
    </rPh>
    <rPh sb="4" eb="6">
      <t>ケイカク</t>
    </rPh>
    <rPh sb="7" eb="9">
      <t>ショウライ</t>
    </rPh>
    <rPh sb="9" eb="10">
      <t>テキ</t>
    </rPh>
    <rPh sb="11" eb="13">
      <t>テキゴウ</t>
    </rPh>
    <rPh sb="14" eb="16">
      <t>ケイカク</t>
    </rPh>
    <phoneticPr fontId="1"/>
  </si>
  <si>
    <t>更新の容易性</t>
    <rPh sb="0" eb="2">
      <t>コウシン</t>
    </rPh>
    <rPh sb="3" eb="5">
      <t>ヨウイ</t>
    </rPh>
    <rPh sb="5" eb="6">
      <t>セイ</t>
    </rPh>
    <phoneticPr fontId="1"/>
  </si>
  <si>
    <t>内埋込み配管</t>
    <rPh sb="0" eb="1">
      <t>ナイ</t>
    </rPh>
    <rPh sb="1" eb="2">
      <t>ウ</t>
    </rPh>
    <rPh sb="2" eb="3">
      <t>コ</t>
    </rPh>
    <rPh sb="4" eb="6">
      <t>ハイカン</t>
    </rPh>
    <phoneticPr fontId="1"/>
  </si>
  <si>
    <t>給水管</t>
    <rPh sb="0" eb="2">
      <t>キュウスイ</t>
    </rPh>
    <rPh sb="2" eb="3">
      <t>クダ</t>
    </rPh>
    <phoneticPr fontId="1"/>
  </si>
  <si>
    <t>平面図</t>
    <rPh sb="0" eb="2">
      <t>ヘイメン</t>
    </rPh>
    <rPh sb="2" eb="3">
      <t>ズ</t>
    </rPh>
    <phoneticPr fontId="1"/>
  </si>
  <si>
    <t>（専用配管）</t>
    <rPh sb="1" eb="3">
      <t>センヨウ</t>
    </rPh>
    <rPh sb="3" eb="5">
      <t>ハイカン</t>
    </rPh>
    <phoneticPr fontId="1"/>
  </si>
  <si>
    <t>給湯管</t>
    <rPh sb="0" eb="2">
      <t>キュウトウ</t>
    </rPh>
    <rPh sb="2" eb="3">
      <t>カン</t>
    </rPh>
    <phoneticPr fontId="1"/>
  </si>
  <si>
    <t>（ガス管を除く）</t>
  </si>
  <si>
    <t>のコンクリート</t>
    <phoneticPr fontId="1"/>
  </si>
  <si>
    <t>打設</t>
    <rPh sb="0" eb="1">
      <t>ウ</t>
    </rPh>
    <rPh sb="1" eb="2">
      <t>セツ</t>
    </rPh>
    <phoneticPr fontId="1"/>
  </si>
  <si>
    <t>専用排水菅</t>
    <rPh sb="0" eb="2">
      <t>センヨウ</t>
    </rPh>
    <rPh sb="2" eb="4">
      <t>ハイスイ</t>
    </rPh>
    <rPh sb="4" eb="5">
      <t>カン</t>
    </rPh>
    <phoneticPr fontId="1"/>
  </si>
  <si>
    <t>排水菅の</t>
    <rPh sb="0" eb="2">
      <t>ハイスイ</t>
    </rPh>
    <rPh sb="2" eb="3">
      <t>カン</t>
    </rPh>
    <phoneticPr fontId="1"/>
  </si>
  <si>
    <t>便所</t>
    <rPh sb="0" eb="2">
      <t>ベンジョ</t>
    </rPh>
    <phoneticPr fontId="1"/>
  </si>
  <si>
    <t>配置図</t>
    <rPh sb="0" eb="2">
      <t>ハイチ</t>
    </rPh>
    <rPh sb="2" eb="3">
      <t>ズ</t>
    </rPh>
    <phoneticPr fontId="1"/>
  </si>
  <si>
    <t>清掃措置</t>
    <rPh sb="0" eb="2">
      <t>セイソウ</t>
    </rPh>
    <rPh sb="2" eb="4">
      <t>ソチ</t>
    </rPh>
    <phoneticPr fontId="1"/>
  </si>
  <si>
    <t>排水ますに隣接</t>
    <rPh sb="0" eb="2">
      <t>ハイスイ</t>
    </rPh>
    <rPh sb="5" eb="7">
      <t>リンセツ</t>
    </rPh>
    <phoneticPr fontId="1"/>
  </si>
  <si>
    <t>掃除口</t>
    <rPh sb="0" eb="2">
      <t>ソウジ</t>
    </rPh>
    <rPh sb="2" eb="3">
      <t>クチ</t>
    </rPh>
    <phoneticPr fontId="1"/>
  </si>
  <si>
    <t>露出又は開口有]</t>
    <rPh sb="0" eb="2">
      <t>ロシュツ</t>
    </rPh>
    <rPh sb="2" eb="3">
      <t>マタ</t>
    </rPh>
    <rPh sb="4" eb="6">
      <t>カイコウ</t>
    </rPh>
    <rPh sb="6" eb="7">
      <t>ア</t>
    </rPh>
    <phoneticPr fontId="1"/>
  </si>
  <si>
    <t>その他の水まわり</t>
    <rPh sb="2" eb="3">
      <t>タ</t>
    </rPh>
    <rPh sb="4" eb="5">
      <t>ミズ</t>
    </rPh>
    <phoneticPr fontId="1"/>
  </si>
  <si>
    <t>トラップ</t>
    <phoneticPr fontId="1"/>
  </si>
  <si>
    <t>排水菅の形状等（継手及びヘッダーを含む）</t>
    <rPh sb="0" eb="2">
      <t>ハイスイ</t>
    </rPh>
    <rPh sb="2" eb="3">
      <t>カン</t>
    </rPh>
    <phoneticPr fontId="1"/>
  </si>
  <si>
    <t>排水菅等の</t>
    <rPh sb="0" eb="2">
      <t>ハイスイ</t>
    </rPh>
    <rPh sb="2" eb="3">
      <t>カン</t>
    </rPh>
    <rPh sb="3" eb="4">
      <t>トウ</t>
    </rPh>
    <phoneticPr fontId="1"/>
  </si>
  <si>
    <t>平滑である</t>
    <rPh sb="0" eb="2">
      <t>ヘイカツ</t>
    </rPh>
    <phoneticPr fontId="1"/>
  </si>
  <si>
    <t>（仕様等</t>
    <rPh sb="1" eb="4">
      <t>シヨウトウ</t>
    </rPh>
    <phoneticPr fontId="1"/>
  </si>
  <si>
    <t>内面</t>
    <rPh sb="0" eb="2">
      <t>ナイメン</t>
    </rPh>
    <phoneticPr fontId="1"/>
  </si>
  <si>
    <t>設置状態</t>
    <rPh sb="0" eb="2">
      <t>セッチ</t>
    </rPh>
    <rPh sb="2" eb="4">
      <t>ジョウタイ</t>
    </rPh>
    <phoneticPr fontId="1"/>
  </si>
  <si>
    <t>たわみ等が生じないように設置</t>
    <rPh sb="3" eb="4">
      <t>トウ</t>
    </rPh>
    <rPh sb="5" eb="6">
      <t>ショウ</t>
    </rPh>
    <rPh sb="12" eb="14">
      <t>セッチ</t>
    </rPh>
    <phoneticPr fontId="1"/>
  </si>
  <si>
    <t>配管点検口</t>
    <rPh sb="0" eb="2">
      <t>ハイカン</t>
    </rPh>
    <rPh sb="2" eb="4">
      <t>テンケン</t>
    </rPh>
    <rPh sb="4" eb="5">
      <t>コウ</t>
    </rPh>
    <phoneticPr fontId="1"/>
  </si>
  <si>
    <t>主要接合部</t>
    <rPh sb="0" eb="2">
      <t>シュヨウ</t>
    </rPh>
    <rPh sb="2" eb="4">
      <t>セツゴウ</t>
    </rPh>
    <rPh sb="4" eb="5">
      <t>ブ</t>
    </rPh>
    <phoneticPr fontId="1"/>
  </si>
  <si>
    <t>排水管と設備機器の接合部</t>
    <rPh sb="0" eb="2">
      <t>ハイスイ</t>
    </rPh>
    <rPh sb="2" eb="3">
      <t>カン</t>
    </rPh>
    <rPh sb="4" eb="6">
      <t>セツビ</t>
    </rPh>
    <rPh sb="6" eb="8">
      <t>キキ</t>
    </rPh>
    <rPh sb="9" eb="11">
      <t>セツゴウ</t>
    </rPh>
    <rPh sb="11" eb="12">
      <t>ブ</t>
    </rPh>
    <phoneticPr fontId="1"/>
  </si>
  <si>
    <t>等の点検措置</t>
    <rPh sb="0" eb="1">
      <t>トウ</t>
    </rPh>
    <rPh sb="2" eb="4">
      <t>テンケン</t>
    </rPh>
    <rPh sb="4" eb="6">
      <t>ソチ</t>
    </rPh>
    <phoneticPr fontId="1"/>
  </si>
  <si>
    <t>[(</t>
    <phoneticPr fontId="1"/>
  </si>
  <si>
    <t>露出</t>
    <rPh sb="0" eb="2">
      <t>ロシュツ</t>
    </rPh>
    <phoneticPr fontId="1"/>
  </si>
  <si>
    <t>給水管と設備機器の接合部</t>
    <rPh sb="0" eb="2">
      <t>キュウスイ</t>
    </rPh>
    <rPh sb="2" eb="3">
      <t>カン</t>
    </rPh>
    <rPh sb="4" eb="6">
      <t>セツビ</t>
    </rPh>
    <rPh sb="6" eb="8">
      <t>キキ</t>
    </rPh>
    <rPh sb="9" eb="11">
      <t>セツゴウ</t>
    </rPh>
    <rPh sb="11" eb="12">
      <t>ブ</t>
    </rPh>
    <phoneticPr fontId="1"/>
  </si>
  <si>
    <t>給湯管と設備機器の接合部</t>
    <rPh sb="0" eb="2">
      <t>キュウトウ</t>
    </rPh>
    <rPh sb="2" eb="3">
      <t>カン</t>
    </rPh>
    <rPh sb="4" eb="6">
      <t>セツビ</t>
    </rPh>
    <rPh sb="6" eb="8">
      <t>キキ</t>
    </rPh>
    <rPh sb="9" eb="11">
      <t>セツゴウ</t>
    </rPh>
    <rPh sb="11" eb="12">
      <t>ブ</t>
    </rPh>
    <phoneticPr fontId="1"/>
  </si>
  <si>
    <t>給水管とバルブ及びヘッダー</t>
    <rPh sb="0" eb="2">
      <t>キュウスイ</t>
    </rPh>
    <rPh sb="2" eb="3">
      <t>カン</t>
    </rPh>
    <rPh sb="7" eb="8">
      <t>オヨ</t>
    </rPh>
    <phoneticPr fontId="1"/>
  </si>
  <si>
    <t>給湯管とバルブ及びヘッダー</t>
    <rPh sb="0" eb="2">
      <t>キュウトウ</t>
    </rPh>
    <rPh sb="2" eb="3">
      <t>カン</t>
    </rPh>
    <rPh sb="7" eb="8">
      <t>オヨ</t>
    </rPh>
    <phoneticPr fontId="1"/>
  </si>
  <si>
    <t>5.高齢者等</t>
    <rPh sb="2" eb="5">
      <t>コウレイシャ</t>
    </rPh>
    <rPh sb="5" eb="6">
      <t>トウ</t>
    </rPh>
    <phoneticPr fontId="1"/>
  </si>
  <si>
    <t>対策</t>
    <rPh sb="0" eb="2">
      <t>タイサク</t>
    </rPh>
    <phoneticPr fontId="1"/>
  </si>
  <si>
    <t xml:space="preserve">   </t>
    <phoneticPr fontId="1"/>
  </si>
  <si>
    <t>（第三面）</t>
  </si>
  <si>
    <t>適用する基準</t>
    <phoneticPr fontId="1"/>
  </si>
  <si>
    <t>断熱等性能等級</t>
    <rPh sb="0" eb="2">
      <t>ダンネツ</t>
    </rPh>
    <rPh sb="2" eb="3">
      <t>トウ</t>
    </rPh>
    <rPh sb="3" eb="5">
      <t>セイノウ</t>
    </rPh>
    <rPh sb="5" eb="7">
      <t>トウキュウ</t>
    </rPh>
    <phoneticPr fontId="1"/>
  </si>
  <si>
    <t>等級４</t>
    <rPh sb="0" eb="2">
      <t>トウキュウ</t>
    </rPh>
    <phoneticPr fontId="1"/>
  </si>
  <si>
    <t>等級３</t>
    <rPh sb="0" eb="2">
      <t>トウキュウ</t>
    </rPh>
    <phoneticPr fontId="1"/>
  </si>
  <si>
    <t>6.省エネル</t>
    <rPh sb="2" eb="3">
      <t>ショウ</t>
    </rPh>
    <phoneticPr fontId="1"/>
  </si>
  <si>
    <t>基準省令及び住宅計算法</t>
    <rPh sb="0" eb="2">
      <t>キジュン</t>
    </rPh>
    <rPh sb="2" eb="4">
      <t>ショウレイ</t>
    </rPh>
    <rPh sb="4" eb="5">
      <t>オヨ</t>
    </rPh>
    <rPh sb="6" eb="8">
      <t>ジュウタク</t>
    </rPh>
    <rPh sb="8" eb="10">
      <t>ケイサン</t>
    </rPh>
    <rPh sb="10" eb="11">
      <t>ホウ</t>
    </rPh>
    <phoneticPr fontId="1"/>
  </si>
  <si>
    <t>ギー対策</t>
    <rPh sb="2" eb="4">
      <t>タイサク</t>
    </rPh>
    <phoneticPr fontId="1"/>
  </si>
  <si>
    <t>住宅仕様基準</t>
    <phoneticPr fontId="1"/>
  </si>
  <si>
    <t>一次エネルギー消費量等級４</t>
    <rPh sb="0" eb="2">
      <t>イチジ</t>
    </rPh>
    <rPh sb="7" eb="10">
      <t>ショウヒリョウ</t>
    </rPh>
    <rPh sb="10" eb="12">
      <t>トウキュウ</t>
    </rPh>
    <phoneticPr fontId="1"/>
  </si>
  <si>
    <t>　</t>
    <phoneticPr fontId="1"/>
  </si>
  <si>
    <t>躯体の断熱性能等</t>
    <rPh sb="0" eb="2">
      <t>クタイ</t>
    </rPh>
    <rPh sb="3" eb="5">
      <t>ダンネツ</t>
    </rPh>
    <rPh sb="5" eb="7">
      <t>セイノウ</t>
    </rPh>
    <rPh sb="7" eb="8">
      <t>トウ</t>
    </rPh>
    <phoneticPr fontId="1"/>
  </si>
  <si>
    <t>地域区分</t>
    <rPh sb="0" eb="2">
      <t>チイキ</t>
    </rPh>
    <rPh sb="2" eb="4">
      <t>クブン</t>
    </rPh>
    <phoneticPr fontId="1"/>
  </si>
  <si>
    <t>1地域</t>
    <rPh sb="1" eb="3">
      <t>チイキ</t>
    </rPh>
    <phoneticPr fontId="1"/>
  </si>
  <si>
    <t>２地域</t>
    <rPh sb="1" eb="3">
      <t>チイキ</t>
    </rPh>
    <phoneticPr fontId="1"/>
  </si>
  <si>
    <t>３地域</t>
    <rPh sb="1" eb="3">
      <t>チイキ</t>
    </rPh>
    <phoneticPr fontId="1"/>
  </si>
  <si>
    <t>４地域</t>
    <rPh sb="1" eb="3">
      <t>チイキ</t>
    </rPh>
    <phoneticPr fontId="1"/>
  </si>
  <si>
    <t>５地域</t>
    <rPh sb="1" eb="3">
      <t>チイキ</t>
    </rPh>
    <phoneticPr fontId="1"/>
  </si>
  <si>
    <t>６地域</t>
    <rPh sb="1" eb="3">
      <t>チイキ</t>
    </rPh>
    <phoneticPr fontId="1"/>
  </si>
  <si>
    <t>７地域</t>
    <rPh sb="1" eb="3">
      <t>チイキ</t>
    </rPh>
    <phoneticPr fontId="1"/>
  </si>
  <si>
    <t>８地域</t>
    <rPh sb="1" eb="3">
      <t>チイキ</t>
    </rPh>
    <phoneticPr fontId="1"/>
  </si>
  <si>
    <t>断熱材の種類と厚さ</t>
    <rPh sb="0" eb="3">
      <t>ダンネツザイ</t>
    </rPh>
    <rPh sb="4" eb="6">
      <t>シュルイ</t>
    </rPh>
    <rPh sb="7" eb="8">
      <t>アツ</t>
    </rPh>
    <phoneticPr fontId="1"/>
  </si>
  <si>
    <t>屋根</t>
    <rPh sb="0" eb="2">
      <t>ヤネ</t>
    </rPh>
    <phoneticPr fontId="1"/>
  </si>
  <si>
    <t>mm)</t>
    <phoneticPr fontId="1"/>
  </si>
  <si>
    <t>部位の熱貫流率（</t>
    <rPh sb="0" eb="2">
      <t>ブイ</t>
    </rPh>
    <rPh sb="3" eb="4">
      <t>ネツ</t>
    </rPh>
    <rPh sb="4" eb="6">
      <t>カンリュウ</t>
    </rPh>
    <rPh sb="6" eb="7">
      <t>リツ</t>
    </rPh>
    <phoneticPr fontId="1"/>
  </si>
  <si>
    <t>㎡・K/W)</t>
    <phoneticPr fontId="1"/>
  </si>
  <si>
    <t>天井</t>
    <rPh sb="0" eb="2">
      <t>テンジョウ</t>
    </rPh>
    <phoneticPr fontId="1"/>
  </si>
  <si>
    <t>壁</t>
    <rPh sb="0" eb="1">
      <t>カベ</t>
    </rPh>
    <phoneticPr fontId="1"/>
  </si>
  <si>
    <t>床</t>
    <rPh sb="0" eb="1">
      <t>ユカ</t>
    </rPh>
    <phoneticPr fontId="1"/>
  </si>
  <si>
    <t>外気に接する部分</t>
    <rPh sb="0" eb="2">
      <t>ガイキ</t>
    </rPh>
    <rPh sb="3" eb="4">
      <t>セッ</t>
    </rPh>
    <rPh sb="6" eb="8">
      <t>ブブン</t>
    </rPh>
    <phoneticPr fontId="1"/>
  </si>
  <si>
    <t>その他の部分</t>
    <rPh sb="2" eb="3">
      <t>タ</t>
    </rPh>
    <rPh sb="4" eb="6">
      <t>ブブン</t>
    </rPh>
    <phoneticPr fontId="1"/>
  </si>
  <si>
    <t>土間床等の外周部</t>
    <rPh sb="0" eb="2">
      <t>ドマ</t>
    </rPh>
    <rPh sb="2" eb="3">
      <t>ユカ</t>
    </rPh>
    <rPh sb="3" eb="4">
      <t>トウ</t>
    </rPh>
    <rPh sb="5" eb="7">
      <t>ガイシュウ</t>
    </rPh>
    <rPh sb="7" eb="8">
      <t>ブ</t>
    </rPh>
    <phoneticPr fontId="1"/>
  </si>
  <si>
    <t>開口部の断熱性能等</t>
    <phoneticPr fontId="1"/>
  </si>
  <si>
    <t>窓・ドア等の断熱性</t>
    <rPh sb="0" eb="1">
      <t>マド</t>
    </rPh>
    <rPh sb="4" eb="5">
      <t>トウ</t>
    </rPh>
    <rPh sb="6" eb="9">
      <t>ダンネツセイ</t>
    </rPh>
    <phoneticPr fontId="1"/>
  </si>
  <si>
    <t>建具・ドア枠の材質・形状</t>
    <rPh sb="0" eb="2">
      <t>タテグ</t>
    </rPh>
    <rPh sb="5" eb="6">
      <t>ワク</t>
    </rPh>
    <rPh sb="7" eb="9">
      <t>ザイシツ</t>
    </rPh>
    <rPh sb="10" eb="12">
      <t>ケイジョウ</t>
    </rPh>
    <phoneticPr fontId="1"/>
  </si>
  <si>
    <t>建具形態</t>
    <rPh sb="0" eb="2">
      <t>タテグ</t>
    </rPh>
    <rPh sb="2" eb="4">
      <t>ケイタイ</t>
    </rPh>
    <phoneticPr fontId="1"/>
  </si>
  <si>
    <t xml:space="preserve">  ガラスの種類・構成等</t>
    <rPh sb="6" eb="8">
      <t>シュルイ</t>
    </rPh>
    <rPh sb="9" eb="11">
      <t>コウセイ</t>
    </rPh>
    <rPh sb="11" eb="12">
      <t>トウ</t>
    </rPh>
    <phoneticPr fontId="1"/>
  </si>
  <si>
    <t>窓・ドア等の日射遮蔽措置</t>
    <rPh sb="6" eb="8">
      <t>ニッシャ</t>
    </rPh>
    <rPh sb="8" eb="10">
      <t>シャヘイ</t>
    </rPh>
    <rPh sb="10" eb="12">
      <t>ソチ</t>
    </rPh>
    <phoneticPr fontId="1"/>
  </si>
  <si>
    <t>方位</t>
    <rPh sb="0" eb="2">
      <t>ホウイ</t>
    </rPh>
    <phoneticPr fontId="1"/>
  </si>
  <si>
    <t>ガラスの日射侵入率等</t>
    <rPh sb="4" eb="6">
      <t>ニッシャ</t>
    </rPh>
    <rPh sb="6" eb="8">
      <t>シンニュウ</t>
    </rPh>
    <rPh sb="8" eb="9">
      <t>リツ</t>
    </rPh>
    <rPh sb="9" eb="10">
      <t>トウ</t>
    </rPh>
    <phoneticPr fontId="1"/>
  </si>
  <si>
    <t>庇・軒・付属部材等</t>
    <rPh sb="0" eb="1">
      <t>ヒサシ</t>
    </rPh>
    <rPh sb="2" eb="3">
      <t>ノキ</t>
    </rPh>
    <rPh sb="4" eb="6">
      <t>フゾク</t>
    </rPh>
    <rPh sb="6" eb="9">
      <t>ブザイトウ</t>
    </rPh>
    <phoneticPr fontId="1"/>
  </si>
  <si>
    <t>外皮平均
熱貫流率</t>
    <rPh sb="0" eb="2">
      <t>ガイヒ</t>
    </rPh>
    <rPh sb="2" eb="4">
      <t>ヘイキン</t>
    </rPh>
    <rPh sb="5" eb="6">
      <t>ネツ</t>
    </rPh>
    <rPh sb="6" eb="8">
      <t>カンリュウ</t>
    </rPh>
    <rPh sb="8" eb="9">
      <t>リツ</t>
    </rPh>
    <phoneticPr fontId="1"/>
  </si>
  <si>
    <r>
      <t>外皮平均熱貫流率（U</t>
    </r>
    <r>
      <rPr>
        <sz val="6"/>
        <color theme="1"/>
        <rFont val="ＭＳ Ｐ明朝"/>
        <family val="1"/>
        <charset val="128"/>
      </rPr>
      <t>A</t>
    </r>
    <r>
      <rPr>
        <sz val="9"/>
        <color theme="1"/>
        <rFont val="ＭＳ Ｐ明朝"/>
        <family val="1"/>
        <charset val="128"/>
      </rPr>
      <t>値）</t>
    </r>
    <phoneticPr fontId="1"/>
  </si>
  <si>
    <t>計算書</t>
    <rPh sb="0" eb="2">
      <t>ケイサン</t>
    </rPh>
    <rPh sb="2" eb="3">
      <t>ショ</t>
    </rPh>
    <phoneticPr fontId="1"/>
  </si>
  <si>
    <t>（W/(㎡・K)</t>
    <phoneticPr fontId="1"/>
  </si>
  <si>
    <t>冷房期の
平均日射
熱取得率</t>
    <phoneticPr fontId="1"/>
  </si>
  <si>
    <r>
      <t>冷房期の平均日射熱取得率η</t>
    </r>
    <r>
      <rPr>
        <sz val="6"/>
        <color theme="1"/>
        <rFont val="ＭＳ Ｐ明朝"/>
        <family val="1"/>
        <charset val="128"/>
      </rPr>
      <t>AC</t>
    </r>
    <phoneticPr fontId="1"/>
  </si>
  <si>
    <t>適用条件</t>
    <rPh sb="0" eb="2">
      <t>テキヨウ</t>
    </rPh>
    <rPh sb="2" eb="4">
      <t>ジョウケン</t>
    </rPh>
    <phoneticPr fontId="1"/>
  </si>
  <si>
    <t>開口部比率</t>
    <rPh sb="0" eb="3">
      <t>カイコウブ</t>
    </rPh>
    <rPh sb="3" eb="5">
      <t>ヒリツ</t>
    </rPh>
    <phoneticPr fontId="1"/>
  </si>
  <si>
    <t>仕様書</t>
    <rPh sb="0" eb="2">
      <t>シヨウ</t>
    </rPh>
    <rPh sb="2" eb="3">
      <t>ショ</t>
    </rPh>
    <phoneticPr fontId="1"/>
  </si>
  <si>
    <t>躯体の
断熱性能等</t>
    <rPh sb="0" eb="2">
      <t>クタイ</t>
    </rPh>
    <rPh sb="4" eb="7">
      <t>ダンネツセイ</t>
    </rPh>
    <rPh sb="7" eb="8">
      <t>ノウ</t>
    </rPh>
    <rPh sb="8" eb="9">
      <t>トウ</t>
    </rPh>
    <phoneticPr fontId="1"/>
  </si>
  <si>
    <t>熱貫流率の基準の適合</t>
    <rPh sb="0" eb="1">
      <t>ネツ</t>
    </rPh>
    <rPh sb="1" eb="3">
      <t>カンリュウ</t>
    </rPh>
    <rPh sb="3" eb="4">
      <t>リツ</t>
    </rPh>
    <rPh sb="5" eb="7">
      <t>キジュン</t>
    </rPh>
    <rPh sb="8" eb="10">
      <t>テキゴウ</t>
    </rPh>
    <phoneticPr fontId="1"/>
  </si>
  <si>
    <t>断熱材の熱抵抗値の基準に適合</t>
    <rPh sb="0" eb="2">
      <t>ダンネツ</t>
    </rPh>
    <rPh sb="2" eb="3">
      <t>ザイ</t>
    </rPh>
    <rPh sb="4" eb="5">
      <t>ネツ</t>
    </rPh>
    <rPh sb="5" eb="8">
      <t>テイコウチ</t>
    </rPh>
    <rPh sb="9" eb="11">
      <t>キジュン</t>
    </rPh>
    <rPh sb="12" eb="14">
      <t>テキゴウ</t>
    </rPh>
    <phoneticPr fontId="1"/>
  </si>
  <si>
    <t>開口部の
断熱性能等</t>
    <rPh sb="0" eb="3">
      <t>カイコウブ</t>
    </rPh>
    <rPh sb="5" eb="7">
      <t>ダンネツ</t>
    </rPh>
    <rPh sb="7" eb="9">
      <t>セイノウ</t>
    </rPh>
    <rPh sb="9" eb="10">
      <t>トウ</t>
    </rPh>
    <phoneticPr fontId="1"/>
  </si>
  <si>
    <t>開口部比率の区分</t>
    <rPh sb="0" eb="3">
      <t>カイコウブ</t>
    </rPh>
    <rPh sb="3" eb="5">
      <t>ヒリツ</t>
    </rPh>
    <rPh sb="6" eb="8">
      <t>クブン</t>
    </rPh>
    <phoneticPr fontId="1"/>
  </si>
  <si>
    <t>区分（い）</t>
    <rPh sb="0" eb="2">
      <t>クブン</t>
    </rPh>
    <phoneticPr fontId="1"/>
  </si>
  <si>
    <t>区分（ろ）</t>
    <rPh sb="0" eb="2">
      <t>クブン</t>
    </rPh>
    <phoneticPr fontId="1"/>
  </si>
  <si>
    <t>区分（は）</t>
    <rPh sb="0" eb="2">
      <t>クブン</t>
    </rPh>
    <phoneticPr fontId="1"/>
  </si>
  <si>
    <t>区分（に）</t>
    <rPh sb="0" eb="2">
      <t>クブン</t>
    </rPh>
    <phoneticPr fontId="1"/>
  </si>
  <si>
    <t>緩和措置有り</t>
    <rPh sb="0" eb="2">
      <t>カンワ</t>
    </rPh>
    <rPh sb="2" eb="4">
      <t>ソチ</t>
    </rPh>
    <rPh sb="4" eb="5">
      <t>ア</t>
    </rPh>
    <phoneticPr fontId="1"/>
  </si>
  <si>
    <t>窓の断熱（２％緩和）</t>
    <rPh sb="0" eb="1">
      <t>マド</t>
    </rPh>
    <rPh sb="2" eb="4">
      <t>ダンネツ</t>
    </rPh>
    <rPh sb="7" eb="9">
      <t>カンワ</t>
    </rPh>
    <phoneticPr fontId="1"/>
  </si>
  <si>
    <t>窓の日射（４％緩和）</t>
    <rPh sb="0" eb="1">
      <t>マド</t>
    </rPh>
    <rPh sb="2" eb="4">
      <t>ニッシャ</t>
    </rPh>
    <rPh sb="7" eb="9">
      <t>カンワ</t>
    </rPh>
    <phoneticPr fontId="1"/>
  </si>
  <si>
    <t>結露防止</t>
    <rPh sb="0" eb="2">
      <t>ケツロ</t>
    </rPh>
    <rPh sb="2" eb="4">
      <t>ボウシ</t>
    </rPh>
    <phoneticPr fontId="1"/>
  </si>
  <si>
    <t>結露の発生
防止対策</t>
    <rPh sb="0" eb="2">
      <t>ケツロ</t>
    </rPh>
    <rPh sb="3" eb="5">
      <t>ハッセイ</t>
    </rPh>
    <rPh sb="6" eb="8">
      <t>ボウシ</t>
    </rPh>
    <rPh sb="8" eb="10">
      <t>タイサク</t>
    </rPh>
    <phoneticPr fontId="1"/>
  </si>
  <si>
    <t>防湿層の設置（繊維系断熱材等を使用する場合）</t>
    <rPh sb="0" eb="2">
      <t>ボウシツ</t>
    </rPh>
    <rPh sb="2" eb="3">
      <t>ソウ</t>
    </rPh>
    <rPh sb="4" eb="6">
      <t>セッチ</t>
    </rPh>
    <rPh sb="7" eb="9">
      <t>センイ</t>
    </rPh>
    <rPh sb="9" eb="10">
      <t>ケイ</t>
    </rPh>
    <rPh sb="10" eb="13">
      <t>ダンネツザイ</t>
    </rPh>
    <rPh sb="13" eb="14">
      <t>トウ</t>
    </rPh>
    <rPh sb="15" eb="17">
      <t>シヨウ</t>
    </rPh>
    <rPh sb="19" eb="21">
      <t>バアイ</t>
    </rPh>
    <phoneticPr fontId="1"/>
  </si>
  <si>
    <t>対策</t>
    <phoneticPr fontId="1"/>
  </si>
  <si>
    <t>設置</t>
    <rPh sb="0" eb="2">
      <t>セッチ</t>
    </rPh>
    <phoneticPr fontId="1"/>
  </si>
  <si>
    <t>省略</t>
    <rPh sb="0" eb="2">
      <t>ショウリャク</t>
    </rPh>
    <phoneticPr fontId="1"/>
  </si>
  <si>
    <t>通気層の設置（外壁・屋根を断熱構造とする場合）</t>
    <rPh sb="0" eb="2">
      <t>ツウキ</t>
    </rPh>
    <rPh sb="2" eb="3">
      <t>ソウ</t>
    </rPh>
    <rPh sb="4" eb="6">
      <t>セッチ</t>
    </rPh>
    <rPh sb="7" eb="9">
      <t>ガイヘキ</t>
    </rPh>
    <rPh sb="10" eb="12">
      <t>ヤネ</t>
    </rPh>
    <rPh sb="13" eb="15">
      <t>ダンネツ</t>
    </rPh>
    <rPh sb="15" eb="17">
      <t>コウゾウ</t>
    </rPh>
    <rPh sb="20" eb="22">
      <t>バアイ</t>
    </rPh>
    <phoneticPr fontId="1"/>
  </si>
  <si>
    <t>【</t>
    <phoneticPr fontId="1"/>
  </si>
  <si>
    <t>有</t>
    <rPh sb="0" eb="1">
      <t>ユウ</t>
    </rPh>
    <phoneticPr fontId="1"/>
  </si>
  <si>
    <t>省略（</t>
    <rPh sb="0" eb="2">
      <t>ショウリャク</t>
    </rPh>
    <phoneticPr fontId="1"/>
  </si>
  <si>
    <t>）】</t>
    <phoneticPr fontId="1"/>
  </si>
  <si>
    <t>防風層の設置</t>
    <phoneticPr fontId="1"/>
  </si>
  <si>
    <t>外壁</t>
    <rPh sb="0" eb="2">
      <t>ガイヘキ</t>
    </rPh>
    <phoneticPr fontId="1"/>
  </si>
  <si>
    <t>断熱等の性能に大きく影響すると見込まれる劣化事象等が認められない</t>
    <rPh sb="0" eb="3">
      <t>ダンネツナド</t>
    </rPh>
    <rPh sb="4" eb="6">
      <t>セイノウ</t>
    </rPh>
    <rPh sb="7" eb="8">
      <t>オオ</t>
    </rPh>
    <rPh sb="10" eb="12">
      <t>エイキョウ</t>
    </rPh>
    <rPh sb="15" eb="17">
      <t>ミコ</t>
    </rPh>
    <rPh sb="20" eb="22">
      <t>レッカ</t>
    </rPh>
    <rPh sb="22" eb="24">
      <t>ジショウ</t>
    </rPh>
    <rPh sb="24" eb="25">
      <t>トウ</t>
    </rPh>
    <rPh sb="26" eb="27">
      <t>ミト</t>
    </rPh>
    <phoneticPr fontId="1"/>
  </si>
  <si>
    <t>断熱等の性能に大きく影響すると見込まれる劣化事象等が認められるが補修を行う</t>
    <rPh sb="0" eb="3">
      <t>ダンネツナド</t>
    </rPh>
    <rPh sb="4" eb="6">
      <t>セイノウ</t>
    </rPh>
    <rPh sb="7" eb="8">
      <t>オオ</t>
    </rPh>
    <rPh sb="10" eb="12">
      <t>エイキョウ</t>
    </rPh>
    <rPh sb="15" eb="17">
      <t>ミコ</t>
    </rPh>
    <rPh sb="20" eb="22">
      <t>レッカ</t>
    </rPh>
    <rPh sb="22" eb="24">
      <t>ジショウ</t>
    </rPh>
    <rPh sb="24" eb="25">
      <t>トウ</t>
    </rPh>
    <rPh sb="26" eb="27">
      <t>ミト</t>
    </rPh>
    <rPh sb="32" eb="34">
      <t>ホシュウ</t>
    </rPh>
    <rPh sb="35" eb="36">
      <t>オコナ</t>
    </rPh>
    <phoneticPr fontId="1"/>
  </si>
  <si>
    <t>一次エネルギーに係る基本事項</t>
    <rPh sb="0" eb="2">
      <t>イチジ</t>
    </rPh>
    <rPh sb="8" eb="9">
      <t>カカワ</t>
    </rPh>
    <rPh sb="10" eb="12">
      <t>キホン</t>
    </rPh>
    <rPh sb="12" eb="14">
      <t>ジコウ</t>
    </rPh>
    <phoneticPr fontId="1"/>
  </si>
  <si>
    <t>外皮性能値</t>
    <rPh sb="0" eb="2">
      <t>ガイヒ</t>
    </rPh>
    <rPh sb="2" eb="4">
      <t>セイノウ</t>
    </rPh>
    <rPh sb="4" eb="5">
      <t>チ</t>
    </rPh>
    <phoneticPr fontId="1"/>
  </si>
  <si>
    <r>
      <t>外皮平均熱貫流率（U</t>
    </r>
    <r>
      <rPr>
        <vertAlign val="subscript"/>
        <sz val="9"/>
        <color theme="1"/>
        <rFont val="ＭＳ Ｐ明朝"/>
        <family val="1"/>
        <charset val="128"/>
      </rPr>
      <t>A</t>
    </r>
    <r>
      <rPr>
        <sz val="9"/>
        <color theme="1"/>
        <rFont val="ＭＳ Ｐ明朝"/>
        <family val="1"/>
        <charset val="128"/>
      </rPr>
      <t>値）</t>
    </r>
    <phoneticPr fontId="1"/>
  </si>
  <si>
    <r>
      <t>冷房期の平均日射熱取得率η</t>
    </r>
    <r>
      <rPr>
        <vertAlign val="subscript"/>
        <sz val="9"/>
        <color theme="1"/>
        <rFont val="ＭＳ Ｐ明朝"/>
        <family val="1"/>
        <charset val="128"/>
      </rPr>
      <t>AC</t>
    </r>
    <rPh sb="0" eb="2">
      <t>レイボウ</t>
    </rPh>
    <rPh sb="2" eb="3">
      <t>キ</t>
    </rPh>
    <rPh sb="4" eb="6">
      <t>ヘイキン</t>
    </rPh>
    <rPh sb="6" eb="8">
      <t>ニッシャ</t>
    </rPh>
    <rPh sb="8" eb="9">
      <t>ネツ</t>
    </rPh>
    <rPh sb="9" eb="12">
      <t>シュトクリツ</t>
    </rPh>
    <phoneticPr fontId="1"/>
  </si>
  <si>
    <t>面積表</t>
    <rPh sb="0" eb="2">
      <t>メンセキ</t>
    </rPh>
    <rPh sb="2" eb="3">
      <t>ヒョウ</t>
    </rPh>
    <phoneticPr fontId="1"/>
  </si>
  <si>
    <t>【-】</t>
    <phoneticPr fontId="1"/>
  </si>
  <si>
    <r>
      <t>暖房期の平均日射熱取得率η</t>
    </r>
    <r>
      <rPr>
        <vertAlign val="subscript"/>
        <sz val="9"/>
        <color theme="1"/>
        <rFont val="ＭＳ Ｐ明朝"/>
        <family val="1"/>
        <charset val="128"/>
      </rPr>
      <t>AH</t>
    </r>
    <rPh sb="0" eb="3">
      <t>ダンボウキ</t>
    </rPh>
    <rPh sb="4" eb="6">
      <t>ヘイキン</t>
    </rPh>
    <rPh sb="6" eb="8">
      <t>ニッシャ</t>
    </rPh>
    <rPh sb="8" eb="9">
      <t>ネツ</t>
    </rPh>
    <rPh sb="9" eb="12">
      <t>シュトクリツ</t>
    </rPh>
    <phoneticPr fontId="1"/>
  </si>
  <si>
    <t>面積等</t>
    <rPh sb="0" eb="2">
      <t>メンセキ</t>
    </rPh>
    <rPh sb="2" eb="3">
      <t>トウ</t>
    </rPh>
    <phoneticPr fontId="1"/>
  </si>
  <si>
    <t>床面積の合計</t>
    <rPh sb="0" eb="3">
      <t>ユカメンセキ</t>
    </rPh>
    <rPh sb="4" eb="6">
      <t>ゴウケイ</t>
    </rPh>
    <phoneticPr fontId="1"/>
  </si>
  <si>
    <t>㎡</t>
    <phoneticPr fontId="1"/>
  </si>
  <si>
    <t>主たる居室の面積</t>
    <rPh sb="0" eb="1">
      <t>シュ</t>
    </rPh>
    <rPh sb="3" eb="5">
      <t>キョシツ</t>
    </rPh>
    <rPh sb="6" eb="8">
      <t>メンセキ</t>
    </rPh>
    <phoneticPr fontId="1"/>
  </si>
  <si>
    <t>その他の居室の面積</t>
    <rPh sb="2" eb="3">
      <t>タ</t>
    </rPh>
    <rPh sb="4" eb="6">
      <t>キョシツ</t>
    </rPh>
    <rPh sb="7" eb="9">
      <t>メンセキ</t>
    </rPh>
    <phoneticPr fontId="1"/>
  </si>
  <si>
    <t>年間日射
地域区分</t>
    <rPh sb="0" eb="2">
      <t>ネンカン</t>
    </rPh>
    <rPh sb="2" eb="4">
      <t>ニッシャ</t>
    </rPh>
    <rPh sb="5" eb="7">
      <t>チイキ</t>
    </rPh>
    <phoneticPr fontId="1"/>
  </si>
  <si>
    <t>太陽光発電利用又は太陽給湯設備を採用</t>
    <rPh sb="0" eb="3">
      <t>タイヨウコウ</t>
    </rPh>
    <rPh sb="3" eb="5">
      <t>ハツデン</t>
    </rPh>
    <rPh sb="5" eb="7">
      <t>リヨウ</t>
    </rPh>
    <rPh sb="7" eb="8">
      <t>マタ</t>
    </rPh>
    <rPh sb="9" eb="11">
      <t>タイヨウ</t>
    </rPh>
    <rPh sb="11" eb="13">
      <t>キュウトウ</t>
    </rPh>
    <rPh sb="13" eb="15">
      <t>セツビ</t>
    </rPh>
    <rPh sb="16" eb="18">
      <t>サイヨウ</t>
    </rPh>
    <phoneticPr fontId="1"/>
  </si>
  <si>
    <t>自然風利用</t>
    <rPh sb="0" eb="2">
      <t>シゼン</t>
    </rPh>
    <rPh sb="2" eb="3">
      <t>フウ</t>
    </rPh>
    <rPh sb="3" eb="5">
      <t>リヨウ</t>
    </rPh>
    <phoneticPr fontId="1"/>
  </si>
  <si>
    <t>自然風を利用</t>
    <rPh sb="0" eb="2">
      <t>シゼン</t>
    </rPh>
    <rPh sb="2" eb="3">
      <t>フウ</t>
    </rPh>
    <rPh sb="4" eb="6">
      <t>リヨウ</t>
    </rPh>
    <phoneticPr fontId="1"/>
  </si>
  <si>
    <t>主たる居室</t>
    <rPh sb="0" eb="1">
      <t>シュ</t>
    </rPh>
    <rPh sb="3" eb="5">
      <t>キョシツ</t>
    </rPh>
    <phoneticPr fontId="1"/>
  </si>
  <si>
    <t>回/h以上</t>
    <rPh sb="0" eb="1">
      <t>カイ</t>
    </rPh>
    <rPh sb="3" eb="5">
      <t>イジョウ</t>
    </rPh>
    <phoneticPr fontId="1"/>
  </si>
  <si>
    <t>その他居室</t>
    <rPh sb="2" eb="3">
      <t>タ</t>
    </rPh>
    <rPh sb="3" eb="5">
      <t>キョシツ</t>
    </rPh>
    <phoneticPr fontId="1"/>
  </si>
  <si>
    <t>蓄熱利用</t>
    <rPh sb="0" eb="2">
      <t>チクネツ</t>
    </rPh>
    <rPh sb="2" eb="4">
      <t>リヨウ</t>
    </rPh>
    <phoneticPr fontId="1"/>
  </si>
  <si>
    <t>蓄熱の利用</t>
    <rPh sb="0" eb="2">
      <t>チクネツ</t>
    </rPh>
    <rPh sb="3" eb="5">
      <t>リヨウ</t>
    </rPh>
    <phoneticPr fontId="1"/>
  </si>
  <si>
    <t>設備機器に係る事項</t>
    <rPh sb="0" eb="2">
      <t>セツビ</t>
    </rPh>
    <rPh sb="2" eb="4">
      <t>キキ</t>
    </rPh>
    <rPh sb="5" eb="6">
      <t>カカワ</t>
    </rPh>
    <rPh sb="7" eb="9">
      <t>ジコウ</t>
    </rPh>
    <phoneticPr fontId="1"/>
  </si>
  <si>
    <t>暖房方式</t>
    <rPh sb="0" eb="2">
      <t>ダンボウ</t>
    </rPh>
    <rPh sb="2" eb="4">
      <t>ホウシキ</t>
    </rPh>
    <phoneticPr fontId="1"/>
  </si>
  <si>
    <t>機器表</t>
    <rPh sb="0" eb="2">
      <t>キキ</t>
    </rPh>
    <rPh sb="2" eb="3">
      <t>ヒョウ</t>
    </rPh>
    <phoneticPr fontId="1"/>
  </si>
  <si>
    <t>冷房方式</t>
    <rPh sb="0" eb="2">
      <t>レイボウ</t>
    </rPh>
    <rPh sb="2" eb="4">
      <t>ホウシキ</t>
    </rPh>
    <phoneticPr fontId="1"/>
  </si>
  <si>
    <t>換気設備方式</t>
    <rPh sb="0" eb="2">
      <t>カンキ</t>
    </rPh>
    <rPh sb="2" eb="4">
      <t>セツビ</t>
    </rPh>
    <rPh sb="4" eb="6">
      <t>ホウシキ</t>
    </rPh>
    <phoneticPr fontId="1"/>
  </si>
  <si>
    <t>給湯設備</t>
    <rPh sb="0" eb="2">
      <t>キュウトウ</t>
    </rPh>
    <rPh sb="2" eb="4">
      <t>セツビ</t>
    </rPh>
    <phoneticPr fontId="1"/>
  </si>
  <si>
    <t>給湯熱源機</t>
    <rPh sb="0" eb="2">
      <t>キュウトウ</t>
    </rPh>
    <rPh sb="2" eb="3">
      <t>ネツ</t>
    </rPh>
    <rPh sb="3" eb="4">
      <t>ミナモト</t>
    </rPh>
    <rPh sb="4" eb="5">
      <t>キ</t>
    </rPh>
    <phoneticPr fontId="1"/>
  </si>
  <si>
    <t>配管方式</t>
    <rPh sb="0" eb="2">
      <t>ハイカン</t>
    </rPh>
    <rPh sb="2" eb="4">
      <t>ホウシキ</t>
    </rPh>
    <phoneticPr fontId="1"/>
  </si>
  <si>
    <t>先分岐方式</t>
    <rPh sb="0" eb="1">
      <t>サキ</t>
    </rPh>
    <rPh sb="1" eb="3">
      <t>ブンキ</t>
    </rPh>
    <rPh sb="3" eb="5">
      <t>ホウシキ</t>
    </rPh>
    <phoneticPr fontId="1"/>
  </si>
  <si>
    <t>ヘッダー方式</t>
    <rPh sb="4" eb="6">
      <t>ホウシキ</t>
    </rPh>
    <phoneticPr fontId="1"/>
  </si>
  <si>
    <t>水栓</t>
    <rPh sb="0" eb="2">
      <t>ミズセン</t>
    </rPh>
    <phoneticPr fontId="1"/>
  </si>
  <si>
    <t>節湯水栓等を使用</t>
    <rPh sb="0" eb="1">
      <t>セツ</t>
    </rPh>
    <rPh sb="1" eb="2">
      <t>ユ</t>
    </rPh>
    <rPh sb="2" eb="5">
      <t>ミズセンナド</t>
    </rPh>
    <rPh sb="6" eb="8">
      <t>シヨウ</t>
    </rPh>
    <phoneticPr fontId="1"/>
  </si>
  <si>
    <t>浴槽</t>
    <rPh sb="0" eb="2">
      <t>ヨクソウ</t>
    </rPh>
    <phoneticPr fontId="1"/>
  </si>
  <si>
    <t>高断熱浴槽を使用</t>
    <rPh sb="0" eb="3">
      <t>コウダンネツ</t>
    </rPh>
    <rPh sb="3" eb="5">
      <t>ヨクソウ</t>
    </rPh>
    <rPh sb="6" eb="8">
      <t>シヨウ</t>
    </rPh>
    <phoneticPr fontId="1"/>
  </si>
  <si>
    <t>太陽光給湯</t>
    <rPh sb="0" eb="3">
      <t>タイヨウコウ</t>
    </rPh>
    <rPh sb="3" eb="5">
      <t>キュウトウ</t>
    </rPh>
    <phoneticPr fontId="1"/>
  </si>
  <si>
    <t>照明設備</t>
    <rPh sb="0" eb="2">
      <t>ショウメイ</t>
    </rPh>
    <rPh sb="2" eb="4">
      <t>セツビ</t>
    </rPh>
    <phoneticPr fontId="1"/>
  </si>
  <si>
    <t>非居室</t>
    <rPh sb="0" eb="1">
      <t>ヒ</t>
    </rPh>
    <rPh sb="1" eb="3">
      <t>キョシツ</t>
    </rPh>
    <phoneticPr fontId="1"/>
  </si>
  <si>
    <t>太陽光発電の使用について</t>
    <rPh sb="0" eb="3">
      <t>タイヨウコウ</t>
    </rPh>
    <rPh sb="3" eb="5">
      <t>ハツデン</t>
    </rPh>
    <phoneticPr fontId="1"/>
  </si>
  <si>
    <t>コージェネレーションの使用について</t>
    <rPh sb="11" eb="13">
      <t>シヨウ</t>
    </rPh>
    <phoneticPr fontId="1"/>
  </si>
  <si>
    <t>エネルギー利用効率化設備のいずれも作動するものであることを確認した</t>
    <rPh sb="5" eb="7">
      <t>リヨウ</t>
    </rPh>
    <rPh sb="7" eb="10">
      <t>コウリツカ</t>
    </rPh>
    <rPh sb="10" eb="12">
      <t>セツビ</t>
    </rPh>
    <rPh sb="17" eb="19">
      <t>サドウ</t>
    </rPh>
    <rPh sb="29" eb="31">
      <t>カクニン</t>
    </rPh>
    <phoneticPr fontId="1"/>
  </si>
  <si>
    <t>エネルギー利用効率化設備等のうち作動しないものがあるが補修を行う</t>
    <rPh sb="5" eb="7">
      <t>リヨウ</t>
    </rPh>
    <rPh sb="7" eb="10">
      <t>コウリツカ</t>
    </rPh>
    <rPh sb="10" eb="12">
      <t>セツビ</t>
    </rPh>
    <rPh sb="12" eb="13">
      <t>トウ</t>
    </rPh>
    <rPh sb="16" eb="18">
      <t>サドウ</t>
    </rPh>
    <rPh sb="27" eb="29">
      <t>ホシュウ</t>
    </rPh>
    <rPh sb="30" eb="31">
      <t>オコナ</t>
    </rPh>
    <phoneticPr fontId="1"/>
  </si>
  <si>
    <t>7.住宅の規模</t>
    <rPh sb="2" eb="4">
      <t>ジュウタク</t>
    </rPh>
    <rPh sb="5" eb="7">
      <t>キボ</t>
    </rPh>
    <phoneticPr fontId="1"/>
  </si>
  <si>
    <t>住宅面積</t>
    <rPh sb="0" eb="2">
      <t>ジュウタク</t>
    </rPh>
    <rPh sb="2" eb="4">
      <t>メンセキ</t>
    </rPh>
    <phoneticPr fontId="1"/>
  </si>
  <si>
    <t>住宅の面積</t>
    <rPh sb="0" eb="2">
      <t>ジュウタク</t>
    </rPh>
    <rPh sb="3" eb="5">
      <t>メンセキ</t>
    </rPh>
    <phoneticPr fontId="1"/>
  </si>
  <si>
    <t>住宅の専用面積</t>
    <rPh sb="0" eb="2">
      <t>ジュウタク</t>
    </rPh>
    <rPh sb="3" eb="5">
      <t>センヨウ</t>
    </rPh>
    <rPh sb="5" eb="7">
      <t>メンセキ</t>
    </rPh>
    <phoneticPr fontId="1"/>
  </si>
  <si>
    <t>求積図</t>
    <rPh sb="0" eb="1">
      <t>モト</t>
    </rPh>
    <rPh sb="1" eb="2">
      <t>セキ</t>
    </rPh>
    <rPh sb="2" eb="3">
      <t>ズ</t>
    </rPh>
    <phoneticPr fontId="1"/>
  </si>
  <si>
    <t>40㎡以上ある階</t>
    <rPh sb="3" eb="5">
      <t>イジョウ</t>
    </rPh>
    <rPh sb="7" eb="8">
      <t>カイ</t>
    </rPh>
    <phoneticPr fontId="1"/>
  </si>
  <si>
    <t>階</t>
    <rPh sb="0" eb="1">
      <t>カイ</t>
    </rPh>
    <phoneticPr fontId="1"/>
  </si>
  <si>
    <t>うち階段部分面積</t>
    <rPh sb="2" eb="4">
      <t>カイダン</t>
    </rPh>
    <rPh sb="4" eb="6">
      <t>ブブン</t>
    </rPh>
    <rPh sb="6" eb="8">
      <t>メンセキ</t>
    </rPh>
    <phoneticPr fontId="1"/>
  </si>
  <si>
    <t>8.維持保全</t>
    <rPh sb="2" eb="4">
      <t>イジ</t>
    </rPh>
    <rPh sb="4" eb="6">
      <t>ホゼン</t>
    </rPh>
    <phoneticPr fontId="1"/>
  </si>
  <si>
    <t>維持保全</t>
    <rPh sb="0" eb="2">
      <t>イジ</t>
    </rPh>
    <rPh sb="2" eb="4">
      <t>ホゼン</t>
    </rPh>
    <phoneticPr fontId="1"/>
  </si>
  <si>
    <t>期間</t>
    <rPh sb="0" eb="2">
      <t>キカン</t>
    </rPh>
    <phoneticPr fontId="1"/>
  </si>
  <si>
    <t>年以上</t>
    <rPh sb="0" eb="1">
      <t>ネン</t>
    </rPh>
    <rPh sb="1" eb="3">
      <t>イジョウ</t>
    </rPh>
    <phoneticPr fontId="1"/>
  </si>
  <si>
    <t>申請書</t>
    <rPh sb="0" eb="3">
      <t>シンセイショ</t>
    </rPh>
    <phoneticPr fontId="1"/>
  </si>
  <si>
    <t>の方法</t>
    <phoneticPr fontId="1"/>
  </si>
  <si>
    <t>の期間等</t>
    <rPh sb="1" eb="3">
      <t>キカン</t>
    </rPh>
    <rPh sb="3" eb="4">
      <t>トウ</t>
    </rPh>
    <phoneticPr fontId="1"/>
  </si>
  <si>
    <t>その他の基準への適合</t>
    <rPh sb="2" eb="3">
      <t>タ</t>
    </rPh>
    <rPh sb="4" eb="6">
      <t>キジュン</t>
    </rPh>
    <rPh sb="8" eb="10">
      <t>テキゴウ</t>
    </rPh>
    <phoneticPr fontId="1"/>
  </si>
  <si>
    <t>計画書</t>
    <rPh sb="0" eb="2">
      <t>ケイカク</t>
    </rPh>
    <rPh sb="2" eb="3">
      <t>ショ</t>
    </rPh>
    <phoneticPr fontId="1"/>
  </si>
  <si>
    <t>9.資金計画</t>
    <rPh sb="2" eb="4">
      <t>シキン</t>
    </rPh>
    <rPh sb="4" eb="6">
      <t>ケイカク</t>
    </rPh>
    <phoneticPr fontId="1"/>
  </si>
  <si>
    <t>費用の設定</t>
    <rPh sb="0" eb="2">
      <t>ヒヨウ</t>
    </rPh>
    <rPh sb="3" eb="5">
      <t>セッテイ</t>
    </rPh>
    <phoneticPr fontId="1"/>
  </si>
  <si>
    <t>建築に要する費用の設定</t>
    <rPh sb="0" eb="2">
      <t>ケンチク</t>
    </rPh>
    <rPh sb="3" eb="4">
      <t>ヨウ</t>
    </rPh>
    <rPh sb="6" eb="8">
      <t>ヒヨウ</t>
    </rPh>
    <rPh sb="9" eb="11">
      <t>セッテイ</t>
    </rPh>
    <phoneticPr fontId="1"/>
  </si>
  <si>
    <t>維持保全に要する費用の設定</t>
    <rPh sb="0" eb="2">
      <t>イジ</t>
    </rPh>
    <rPh sb="2" eb="4">
      <t>ホゼン</t>
    </rPh>
    <rPh sb="5" eb="6">
      <t>ヨウ</t>
    </rPh>
    <rPh sb="8" eb="10">
      <t>ヒヨウ</t>
    </rPh>
    <rPh sb="11" eb="13">
      <t>セッテイ</t>
    </rPh>
    <phoneticPr fontId="1"/>
  </si>
  <si>
    <t>10.居住環境</t>
    <rPh sb="3" eb="5">
      <t>キョジュウ</t>
    </rPh>
    <rPh sb="5" eb="7">
      <t>カンキョウ</t>
    </rPh>
    <phoneticPr fontId="1"/>
  </si>
  <si>
    <t>まちなみ</t>
    <phoneticPr fontId="1"/>
  </si>
  <si>
    <t>地区計画等</t>
    <rPh sb="0" eb="2">
      <t>チク</t>
    </rPh>
    <rPh sb="2" eb="4">
      <t>ケイカク</t>
    </rPh>
    <rPh sb="4" eb="5">
      <t>トウ</t>
    </rPh>
    <phoneticPr fontId="1"/>
  </si>
  <si>
    <t>・地区計画等、景観計画、建築協定、景観協定、条例、その他地方公共団体が</t>
    <rPh sb="1" eb="3">
      <t>チク</t>
    </rPh>
    <rPh sb="3" eb="5">
      <t>ケイカク</t>
    </rPh>
    <rPh sb="5" eb="6">
      <t>トウ</t>
    </rPh>
    <rPh sb="7" eb="9">
      <t>ケイカン</t>
    </rPh>
    <rPh sb="9" eb="11">
      <t>ケイカク</t>
    </rPh>
    <rPh sb="12" eb="14">
      <t>ケンチク</t>
    </rPh>
    <rPh sb="14" eb="16">
      <t>キョウテイ</t>
    </rPh>
    <rPh sb="27" eb="28">
      <t>タ</t>
    </rPh>
    <rPh sb="28" eb="30">
      <t>チホウ</t>
    </rPh>
    <rPh sb="30" eb="32">
      <t>コウキョウ</t>
    </rPh>
    <rPh sb="32" eb="34">
      <t>ダンタイ</t>
    </rPh>
    <phoneticPr fontId="1"/>
  </si>
  <si>
    <t>別添</t>
    <rPh sb="0" eb="2">
      <t>ベッテン</t>
    </rPh>
    <phoneticPr fontId="1"/>
  </si>
  <si>
    <t>への配慮</t>
    <rPh sb="2" eb="4">
      <t>ハイリョ</t>
    </rPh>
    <phoneticPr fontId="1"/>
  </si>
  <si>
    <t>への適合</t>
    <rPh sb="2" eb="4">
      <t>テキゴウ</t>
    </rPh>
    <phoneticPr fontId="1"/>
  </si>
  <si>
    <t>　自主的に定める要綱等がある区域</t>
    <rPh sb="1" eb="4">
      <t>ジシュテキ</t>
    </rPh>
    <rPh sb="5" eb="6">
      <t>サダ</t>
    </rPh>
    <rPh sb="8" eb="10">
      <t>ヨウコウ</t>
    </rPh>
    <rPh sb="10" eb="11">
      <t>トウ</t>
    </rPh>
    <rPh sb="14" eb="16">
      <t>クイキ</t>
    </rPh>
    <phoneticPr fontId="1"/>
  </si>
  <si>
    <t>区域外</t>
    <rPh sb="0" eb="3">
      <t>クイキガイ</t>
    </rPh>
    <phoneticPr fontId="1"/>
  </si>
  <si>
    <t>区域内</t>
    <rPh sb="0" eb="3">
      <t>クイキナイ</t>
    </rPh>
    <phoneticPr fontId="1"/>
  </si>
  <si>
    <t>該当する地区計画等の名称　（　　　　　　　　　　　　　　　　　　　）</t>
    <rPh sb="0" eb="2">
      <t>ガイトウ</t>
    </rPh>
    <rPh sb="4" eb="6">
      <t>チク</t>
    </rPh>
    <rPh sb="6" eb="8">
      <t>ケイカク</t>
    </rPh>
    <rPh sb="8" eb="9">
      <t>トウ</t>
    </rPh>
    <rPh sb="10" eb="12">
      <t>メイショウ</t>
    </rPh>
    <phoneticPr fontId="1"/>
  </si>
  <si>
    <t>適合</t>
    <rPh sb="0" eb="2">
      <t>テキゴウ</t>
    </rPh>
    <phoneticPr fontId="1"/>
  </si>
  <si>
    <t>・住宅の建築制限がある都市計画施設等の区域として、所管行政庁が</t>
    <rPh sb="1" eb="3">
      <t>ジュウタク</t>
    </rPh>
    <rPh sb="4" eb="6">
      <t>ケンチク</t>
    </rPh>
    <rPh sb="6" eb="8">
      <t>セイゲン</t>
    </rPh>
    <rPh sb="11" eb="13">
      <t>トシ</t>
    </rPh>
    <rPh sb="13" eb="15">
      <t>ケイカク</t>
    </rPh>
    <rPh sb="15" eb="18">
      <t>シセツトウ</t>
    </rPh>
    <rPh sb="19" eb="21">
      <t>クイキ</t>
    </rPh>
    <rPh sb="25" eb="27">
      <t>ショカン</t>
    </rPh>
    <rPh sb="27" eb="29">
      <t>ギョウセイ</t>
    </rPh>
    <rPh sb="29" eb="30">
      <t>チョウ</t>
    </rPh>
    <phoneticPr fontId="1"/>
  </si>
  <si>
    <t>　選定・公表したものの区域</t>
    <rPh sb="1" eb="3">
      <t>センテイ</t>
    </rPh>
    <rPh sb="4" eb="6">
      <t>コウヒョウ</t>
    </rPh>
    <rPh sb="11" eb="13">
      <t>クイキ</t>
    </rPh>
    <phoneticPr fontId="1"/>
  </si>
  <si>
    <t>設計内容説明書【ＲＣ共同住宅等用】</t>
    <rPh sb="0" eb="2">
      <t>セッケイ</t>
    </rPh>
    <rPh sb="2" eb="4">
      <t>ナイヨウ</t>
    </rPh>
    <rPh sb="4" eb="7">
      <t>セツメイショ</t>
    </rPh>
    <rPh sb="10" eb="12">
      <t>キョウドウ</t>
    </rPh>
    <rPh sb="12" eb="14">
      <t>ジュウタク</t>
    </rPh>
    <rPh sb="14" eb="15">
      <t>トウ</t>
    </rPh>
    <rPh sb="15" eb="16">
      <t>ヨウ</t>
    </rPh>
    <phoneticPr fontId="1"/>
  </si>
  <si>
    <t>セメント</t>
    <phoneticPr fontId="1"/>
  </si>
  <si>
    <t>セメントの種類</t>
    <rPh sb="5" eb="7">
      <t>シュルイ</t>
    </rPh>
    <phoneticPr fontId="1"/>
  </si>
  <si>
    <t>ポルトランドセメント</t>
    <phoneticPr fontId="1"/>
  </si>
  <si>
    <t>（JIS R 5210）</t>
    <phoneticPr fontId="1"/>
  </si>
  <si>
    <t>中庸熱</t>
    <rPh sb="0" eb="2">
      <t>チュウヨウ</t>
    </rPh>
    <rPh sb="2" eb="3">
      <t>ネツ</t>
    </rPh>
    <phoneticPr fontId="1"/>
  </si>
  <si>
    <t>低熱</t>
    <rPh sb="0" eb="1">
      <t>テイ</t>
    </rPh>
    <rPh sb="1" eb="2">
      <t>ネツ</t>
    </rPh>
    <phoneticPr fontId="1"/>
  </si>
  <si>
    <t>フライアッシュセメント</t>
    <phoneticPr fontId="1"/>
  </si>
  <si>
    <t>（JIS R 5213）</t>
    <phoneticPr fontId="1"/>
  </si>
  <si>
    <t>高炉セメント</t>
    <rPh sb="0" eb="2">
      <t>コウロ</t>
    </rPh>
    <phoneticPr fontId="1"/>
  </si>
  <si>
    <t>（JIS R 5211）</t>
    <phoneticPr fontId="1"/>
  </si>
  <si>
    <t>コンクリートの</t>
    <phoneticPr fontId="1"/>
  </si>
  <si>
    <t>最小かぶり</t>
    <rPh sb="0" eb="2">
      <t>サイショウ</t>
    </rPh>
    <phoneticPr fontId="1"/>
  </si>
  <si>
    <t>土に接しない部分</t>
    <rPh sb="0" eb="1">
      <t>ツチ</t>
    </rPh>
    <rPh sb="2" eb="3">
      <t>セッ</t>
    </rPh>
    <rPh sb="6" eb="8">
      <t>ブブン</t>
    </rPh>
    <phoneticPr fontId="1"/>
  </si>
  <si>
    <t>水セメント比</t>
    <rPh sb="0" eb="1">
      <t>ミズ</t>
    </rPh>
    <rPh sb="5" eb="6">
      <t>ヒ</t>
    </rPh>
    <phoneticPr fontId="1"/>
  </si>
  <si>
    <t>厚さ</t>
    <phoneticPr fontId="1"/>
  </si>
  <si>
    <t>耐力壁以外の壁</t>
    <rPh sb="0" eb="2">
      <t>タイリョク</t>
    </rPh>
    <rPh sb="2" eb="3">
      <t>カベ</t>
    </rPh>
    <rPh sb="3" eb="5">
      <t>イガイ</t>
    </rPh>
    <rPh sb="6" eb="7">
      <t>カベ</t>
    </rPh>
    <phoneticPr fontId="1"/>
  </si>
  <si>
    <t>床屋内（</t>
    <rPh sb="0" eb="1">
      <t>ユカ</t>
    </rPh>
    <rPh sb="1" eb="3">
      <t>オクナイ</t>
    </rPh>
    <phoneticPr fontId="1"/>
  </si>
  <si>
    <t>屋外（</t>
    <rPh sb="0" eb="2">
      <t>オクガイ</t>
    </rPh>
    <phoneticPr fontId="1"/>
  </si>
  <si>
    <t>耐力壁、柱、はり</t>
    <rPh sb="0" eb="2">
      <t>タイリョク</t>
    </rPh>
    <rPh sb="2" eb="3">
      <t>カベ</t>
    </rPh>
    <rPh sb="4" eb="5">
      <t>ハシラ</t>
    </rPh>
    <phoneticPr fontId="1"/>
  </si>
  <si>
    <t>土に接する部分</t>
    <rPh sb="0" eb="1">
      <t>ツチ</t>
    </rPh>
    <rPh sb="2" eb="3">
      <t>セッ</t>
    </rPh>
    <rPh sb="5" eb="7">
      <t>ブブン</t>
    </rPh>
    <phoneticPr fontId="1"/>
  </si>
  <si>
    <t>壁、柱、はり、床、基礎の立ち上がり部分</t>
    <rPh sb="0" eb="1">
      <t>カベ</t>
    </rPh>
    <rPh sb="2" eb="3">
      <t>ハシラ</t>
    </rPh>
    <rPh sb="7" eb="8">
      <t>ユカ</t>
    </rPh>
    <rPh sb="9" eb="11">
      <t>キソ</t>
    </rPh>
    <rPh sb="12" eb="13">
      <t>タ</t>
    </rPh>
    <rPh sb="14" eb="15">
      <t>ア</t>
    </rPh>
    <rPh sb="17" eb="19">
      <t>ブブン</t>
    </rPh>
    <phoneticPr fontId="1"/>
  </si>
  <si>
    <t>基礎（立ち上がり部分を除く）</t>
    <rPh sb="0" eb="2">
      <t>キソ</t>
    </rPh>
    <rPh sb="3" eb="4">
      <t>タ</t>
    </rPh>
    <rPh sb="5" eb="6">
      <t>ア</t>
    </rPh>
    <rPh sb="8" eb="10">
      <t>ブブン</t>
    </rPh>
    <rPh sb="11" eb="12">
      <t>ノゾ</t>
    </rPh>
    <phoneticPr fontId="1"/>
  </si>
  <si>
    <t>外壁仕上げ</t>
    <rPh sb="0" eb="2">
      <t>ガイヘキ</t>
    </rPh>
    <rPh sb="2" eb="4">
      <t>シア</t>
    </rPh>
    <phoneticPr fontId="1"/>
  </si>
  <si>
    <t>タイル貼</t>
    <rPh sb="3" eb="4">
      <t>ハ</t>
    </rPh>
    <phoneticPr fontId="1"/>
  </si>
  <si>
    <t>モルタル塗</t>
    <rPh sb="4" eb="5">
      <t>ヌ</t>
    </rPh>
    <phoneticPr fontId="1"/>
  </si>
  <si>
    <t>外断熱工法</t>
    <rPh sb="0" eb="1">
      <t>ソト</t>
    </rPh>
    <rPh sb="1" eb="3">
      <t>ダンネツ</t>
    </rPh>
    <rPh sb="3" eb="5">
      <t>コウホウ</t>
    </rPh>
    <phoneticPr fontId="1"/>
  </si>
  <si>
    <t>水セメント比</t>
    <phoneticPr fontId="1"/>
  </si>
  <si>
    <t>コンクリートの種類</t>
    <rPh sb="7" eb="9">
      <t>シュルイ</t>
    </rPh>
    <phoneticPr fontId="1"/>
  </si>
  <si>
    <t>普通コンクリート</t>
    <rPh sb="0" eb="2">
      <t>フツウ</t>
    </rPh>
    <phoneticPr fontId="1"/>
  </si>
  <si>
    <t>軽量コンクリート）</t>
    <rPh sb="0" eb="2">
      <t>ケイリョウ</t>
    </rPh>
    <phoneticPr fontId="1"/>
  </si>
  <si>
    <t>％</t>
    <phoneticPr fontId="1"/>
  </si>
  <si>
    <t>部材の設計・</t>
    <rPh sb="0" eb="2">
      <t>ブザイ</t>
    </rPh>
    <rPh sb="3" eb="5">
      <t>セッケイ</t>
    </rPh>
    <phoneticPr fontId="1"/>
  </si>
  <si>
    <t>設計かぶり厚</t>
    <rPh sb="0" eb="2">
      <t>セッケイ</t>
    </rPh>
    <rPh sb="5" eb="6">
      <t>アツ</t>
    </rPh>
    <phoneticPr fontId="1"/>
  </si>
  <si>
    <t>施工誤差</t>
    <rPh sb="0" eb="2">
      <t>セコウ</t>
    </rPh>
    <rPh sb="2" eb="4">
      <t>ゴサ</t>
    </rPh>
    <phoneticPr fontId="1"/>
  </si>
  <si>
    <t>配筋</t>
    <rPh sb="0" eb="2">
      <t>ハイキン</t>
    </rPh>
    <phoneticPr fontId="1"/>
  </si>
  <si>
    <t>さ</t>
    <phoneticPr fontId="1"/>
  </si>
  <si>
    <t>スランプ</t>
    <phoneticPr fontId="1"/>
  </si>
  <si>
    <t>の品質等</t>
    <rPh sb="1" eb="3">
      <t>ヒンシツ</t>
    </rPh>
    <rPh sb="3" eb="4">
      <t>トウ</t>
    </rPh>
    <phoneticPr fontId="1"/>
  </si>
  <si>
    <t>単位水量</t>
    <rPh sb="0" eb="2">
      <t>タンイ</t>
    </rPh>
    <rPh sb="2" eb="4">
      <t>スイリョウ</t>
    </rPh>
    <phoneticPr fontId="1"/>
  </si>
  <si>
    <t>kg/㎥)</t>
    <phoneticPr fontId="1"/>
  </si>
  <si>
    <t>空気量</t>
    <rPh sb="0" eb="2">
      <t>クウキ</t>
    </rPh>
    <rPh sb="2" eb="3">
      <t>リョウ</t>
    </rPh>
    <phoneticPr fontId="1"/>
  </si>
  <si>
    <t>％)</t>
    <phoneticPr fontId="1"/>
  </si>
  <si>
    <t>施工計画</t>
    <rPh sb="0" eb="2">
      <t>セコウ</t>
    </rPh>
    <rPh sb="2" eb="4">
      <t>ケイカク</t>
    </rPh>
    <phoneticPr fontId="1"/>
  </si>
  <si>
    <t>打込・締め固め方法</t>
    <rPh sb="0" eb="2">
      <t>ウチコ</t>
    </rPh>
    <rPh sb="3" eb="4">
      <t>シ</t>
    </rPh>
    <rPh sb="5" eb="6">
      <t>カタ</t>
    </rPh>
    <rPh sb="7" eb="9">
      <t>ホウホウ</t>
    </rPh>
    <phoneticPr fontId="1"/>
  </si>
  <si>
    <t>充填方法等</t>
    <rPh sb="0" eb="2">
      <t>ジュウテン</t>
    </rPh>
    <rPh sb="2" eb="4">
      <t>ホウホウ</t>
    </rPh>
    <rPh sb="4" eb="5">
      <t>トウ</t>
    </rPh>
    <phoneticPr fontId="1"/>
  </si>
  <si>
    <t>打継ぎ部の処理方法</t>
    <rPh sb="0" eb="1">
      <t>ダ</t>
    </rPh>
    <rPh sb="1" eb="2">
      <t>ツ</t>
    </rPh>
    <rPh sb="3" eb="4">
      <t>ブ</t>
    </rPh>
    <rPh sb="5" eb="7">
      <t>ショリ</t>
    </rPh>
    <rPh sb="7" eb="9">
      <t>ホウホウ</t>
    </rPh>
    <phoneticPr fontId="1"/>
  </si>
  <si>
    <t>養生方法</t>
    <rPh sb="0" eb="2">
      <t>ヨウジョウ</t>
    </rPh>
    <rPh sb="2" eb="4">
      <t>ホウホウ</t>
    </rPh>
    <phoneticPr fontId="1"/>
  </si>
  <si>
    <t>中性化深さ</t>
    <rPh sb="0" eb="3">
      <t>チュウセイカ</t>
    </rPh>
    <rPh sb="3" eb="4">
      <t>フカ</t>
    </rPh>
    <phoneticPr fontId="1"/>
  </si>
  <si>
    <t>中性化深さが基準値以下</t>
    <rPh sb="0" eb="3">
      <t>チュウセイカ</t>
    </rPh>
    <rPh sb="3" eb="4">
      <t>フカ</t>
    </rPh>
    <rPh sb="6" eb="8">
      <t>キジュン</t>
    </rPh>
    <rPh sb="8" eb="9">
      <t>チ</t>
    </rPh>
    <rPh sb="9" eb="11">
      <t>イカ</t>
    </rPh>
    <phoneticPr fontId="1"/>
  </si>
  <si>
    <t>の確認</t>
    <rPh sb="1" eb="3">
      <t>カクニン</t>
    </rPh>
    <phoneticPr fontId="1"/>
  </si>
  <si>
    <t>地上階数</t>
    <rPh sb="0" eb="2">
      <t>チジョウ</t>
    </rPh>
    <rPh sb="2" eb="4">
      <t>カイスウ</t>
    </rPh>
    <phoneticPr fontId="1"/>
  </si>
  <si>
    <t>階）</t>
    <phoneticPr fontId="1"/>
  </si>
  <si>
    <t>採取箇所数</t>
    <rPh sb="0" eb="2">
      <t>サイシュ</t>
    </rPh>
    <rPh sb="2" eb="4">
      <t>カショ</t>
    </rPh>
    <rPh sb="4" eb="5">
      <t>スウ</t>
    </rPh>
    <phoneticPr fontId="1"/>
  </si>
  <si>
    <t>箇所）</t>
    <rPh sb="0" eb="2">
      <t>カショ</t>
    </rPh>
    <phoneticPr fontId="1"/>
  </si>
  <si>
    <t>塩化物イオン量</t>
    <phoneticPr fontId="1"/>
  </si>
  <si>
    <t>塩化物イオン量が基準値以下</t>
    <phoneticPr fontId="1"/>
  </si>
  <si>
    <t>耐震改修法告示IS値≧0.6、q値≧1.0</t>
    <rPh sb="0" eb="2">
      <t>タイシン</t>
    </rPh>
    <rPh sb="2" eb="4">
      <t>カイシュウ</t>
    </rPh>
    <rPh sb="4" eb="5">
      <t>ホウ</t>
    </rPh>
    <rPh sb="5" eb="7">
      <t>コクジ</t>
    </rPh>
    <rPh sb="9" eb="11">
      <t>チダイナリ</t>
    </rPh>
    <rPh sb="16" eb="18">
      <t>チダイナリ</t>
    </rPh>
    <phoneticPr fontId="1"/>
  </si>
  <si>
    <t>共用配管</t>
    <rPh sb="0" eb="2">
      <t>キョウヨウ</t>
    </rPh>
    <rPh sb="2" eb="4">
      <t>ハイカン</t>
    </rPh>
    <phoneticPr fontId="1"/>
  </si>
  <si>
    <t>内埋込み</t>
    <rPh sb="0" eb="1">
      <t>ナイ</t>
    </rPh>
    <rPh sb="1" eb="2">
      <t>ウ</t>
    </rPh>
    <rPh sb="2" eb="3">
      <t>コ</t>
    </rPh>
    <phoneticPr fontId="1"/>
  </si>
  <si>
    <t>（共用配管）</t>
    <rPh sb="1" eb="3">
      <t>キョウヨウ</t>
    </rPh>
    <rPh sb="3" eb="5">
      <t>ハイカン</t>
    </rPh>
    <phoneticPr fontId="1"/>
  </si>
  <si>
    <t>配管</t>
    <phoneticPr fontId="1"/>
  </si>
  <si>
    <t>（ガス管を除く）</t>
    <rPh sb="3" eb="4">
      <t>カン</t>
    </rPh>
    <rPh sb="5" eb="6">
      <t>ノゾ</t>
    </rPh>
    <phoneticPr fontId="1"/>
  </si>
  <si>
    <t>地中埋設管</t>
    <rPh sb="0" eb="2">
      <t>チチュウ</t>
    </rPh>
    <rPh sb="4" eb="5">
      <t>クダ</t>
    </rPh>
    <phoneticPr fontId="1"/>
  </si>
  <si>
    <t>①維持管理等級（共用排水管）</t>
    <rPh sb="1" eb="3">
      <t>イジ</t>
    </rPh>
    <rPh sb="3" eb="5">
      <t>カンリ</t>
    </rPh>
    <rPh sb="5" eb="7">
      <t>トウキュウ</t>
    </rPh>
    <phoneticPr fontId="1"/>
  </si>
  <si>
    <t>上のコンクリ</t>
    <phoneticPr fontId="1"/>
  </si>
  <si>
    <t>ート打設</t>
    <rPh sb="2" eb="3">
      <t>ウ</t>
    </rPh>
    <rPh sb="3" eb="4">
      <t>セツ</t>
    </rPh>
    <phoneticPr fontId="1"/>
  </si>
  <si>
    <t>条例等の規定により凍結防止のための配管埋設が定められている地域</t>
    <rPh sb="0" eb="2">
      <t>ジョウレイ</t>
    </rPh>
    <rPh sb="2" eb="3">
      <t>トウ</t>
    </rPh>
    <rPh sb="4" eb="6">
      <t>キテイ</t>
    </rPh>
    <rPh sb="9" eb="11">
      <t>トウケツ</t>
    </rPh>
    <rPh sb="11" eb="13">
      <t>ボウシ</t>
    </rPh>
    <rPh sb="17" eb="19">
      <t>ハイカン</t>
    </rPh>
    <phoneticPr fontId="1"/>
  </si>
  <si>
    <t>共用排水菅</t>
    <rPh sb="0" eb="2">
      <t>キョウヨウ</t>
    </rPh>
    <rPh sb="2" eb="4">
      <t>ハイスイ</t>
    </rPh>
    <rPh sb="4" eb="5">
      <t>カン</t>
    </rPh>
    <phoneticPr fontId="1"/>
  </si>
  <si>
    <t>排水菅の</t>
    <phoneticPr fontId="1"/>
  </si>
  <si>
    <t>共用立管</t>
    <rPh sb="0" eb="2">
      <t>キョウヨウ</t>
    </rPh>
    <rPh sb="2" eb="3">
      <t>タ</t>
    </rPh>
    <rPh sb="3" eb="4">
      <t>カン</t>
    </rPh>
    <phoneticPr fontId="1"/>
  </si>
  <si>
    <t>清掃措置</t>
    <phoneticPr fontId="1"/>
  </si>
  <si>
    <t>管の種類</t>
    <rPh sb="0" eb="1">
      <t>カン</t>
    </rPh>
    <rPh sb="2" eb="4">
      <t>シュルイ</t>
    </rPh>
    <phoneticPr fontId="1"/>
  </si>
  <si>
    <t>掃除口の位置</t>
    <rPh sb="0" eb="2">
      <t>ソウジ</t>
    </rPh>
    <rPh sb="2" eb="3">
      <t>クチ</t>
    </rPh>
    <rPh sb="4" eb="6">
      <t>イチ</t>
    </rPh>
    <phoneticPr fontId="1"/>
  </si>
  <si>
    <t>掃除口の</t>
    <phoneticPr fontId="1"/>
  </si>
  <si>
    <t>開口）</t>
    <rPh sb="0" eb="2">
      <t>カイコウ</t>
    </rPh>
    <phoneticPr fontId="1"/>
  </si>
  <si>
    <t>点検措置</t>
    <phoneticPr fontId="1"/>
  </si>
  <si>
    <t>設備図</t>
    <rPh sb="0" eb="2">
      <t>セツビ</t>
    </rPh>
    <rPh sb="2" eb="3">
      <t>ズ</t>
    </rPh>
    <phoneticPr fontId="1"/>
  </si>
  <si>
    <t>横主管</t>
    <rPh sb="0" eb="1">
      <t>ヨコ</t>
    </rPh>
    <rPh sb="1" eb="3">
      <t>シュカン</t>
    </rPh>
    <phoneticPr fontId="1"/>
  </si>
  <si>
    <t>掃除口の位置、間隔</t>
    <rPh sb="0" eb="2">
      <t>ソウジ</t>
    </rPh>
    <rPh sb="2" eb="3">
      <t>クチ</t>
    </rPh>
    <rPh sb="4" eb="6">
      <t>イチ</t>
    </rPh>
    <rPh sb="7" eb="9">
      <t>カンカク</t>
    </rPh>
    <phoneticPr fontId="1"/>
  </si>
  <si>
    <t>配管点検口</t>
    <phoneticPr fontId="1"/>
  </si>
  <si>
    <t>主要接合部等</t>
    <rPh sb="0" eb="2">
      <t>シュヨウ</t>
    </rPh>
    <rPh sb="2" eb="5">
      <t>セツゴウブ</t>
    </rPh>
    <rPh sb="5" eb="6">
      <t>トウ</t>
    </rPh>
    <phoneticPr fontId="1"/>
  </si>
  <si>
    <t>給水管、排水管及び給湯管の主要接合部等の点検措置等の確保</t>
    <phoneticPr fontId="1"/>
  </si>
  <si>
    <t>の点検措置</t>
    <rPh sb="1" eb="5">
      <t>テンケンソチ</t>
    </rPh>
    <phoneticPr fontId="1"/>
  </si>
  <si>
    <t>横主管の</t>
    <rPh sb="0" eb="1">
      <t>ヨコ</t>
    </rPh>
    <rPh sb="1" eb="3">
      <t>シュカン</t>
    </rPh>
    <phoneticPr fontId="1"/>
  </si>
  <si>
    <t>設置位置</t>
    <rPh sb="0" eb="4">
      <t>セッチイチ</t>
    </rPh>
    <phoneticPr fontId="1"/>
  </si>
  <si>
    <t>給水管、排水管及び給湯管の横主管が共用部分に設けられている</t>
    <phoneticPr fontId="1"/>
  </si>
  <si>
    <t>到達経路</t>
    <rPh sb="0" eb="2">
      <t>トウタツ</t>
    </rPh>
    <rPh sb="2" eb="4">
      <t>ケイロ</t>
    </rPh>
    <phoneticPr fontId="1"/>
  </si>
  <si>
    <t>人通孔その他人が到達できる経路が設けられている</t>
  </si>
  <si>
    <t>配管補修</t>
    <rPh sb="0" eb="2">
      <t>ハイカン</t>
    </rPh>
    <rPh sb="2" eb="3">
      <t>ホ</t>
    </rPh>
    <rPh sb="3" eb="4">
      <t>オサム</t>
    </rPh>
    <phoneticPr fontId="1"/>
  </si>
  <si>
    <t>専用部分に立ち入らないで補修できる位置に露出又は補修可能な</t>
  </si>
  <si>
    <t>の措置</t>
    <rPh sb="1" eb="3">
      <t>ソチ</t>
    </rPh>
    <phoneticPr fontId="1"/>
  </si>
  <si>
    <t>開口を持つＰＳに設置</t>
  </si>
  <si>
    <t>構造躯体及び仕上材に影響を及ぼすことなく補修できる</t>
  </si>
  <si>
    <t>維持管理に円滑な実施のために必要な措置が講じられている</t>
    <rPh sb="0" eb="2">
      <t>イジ</t>
    </rPh>
    <rPh sb="2" eb="4">
      <t>カンリ</t>
    </rPh>
    <rPh sb="5" eb="7">
      <t>エンカツ</t>
    </rPh>
    <rPh sb="8" eb="10">
      <t>ジッシ</t>
    </rPh>
    <rPh sb="14" eb="16">
      <t>ヒツヨウ</t>
    </rPh>
    <rPh sb="17" eb="19">
      <t>ソチ</t>
    </rPh>
    <rPh sb="20" eb="21">
      <t>コウ</t>
    </rPh>
    <phoneticPr fontId="1"/>
  </si>
  <si>
    <t>共用排水管</t>
    <rPh sb="0" eb="2">
      <t>キョウヨウ</t>
    </rPh>
    <rPh sb="2" eb="4">
      <t>ハイスイ</t>
    </rPh>
    <rPh sb="4" eb="5">
      <t>カン</t>
    </rPh>
    <phoneticPr fontId="1"/>
  </si>
  <si>
    <t>条例等の規定により凍結防止のための配管埋設が定められて</t>
    <rPh sb="0" eb="2">
      <t>ジョウレイ</t>
    </rPh>
    <rPh sb="2" eb="3">
      <t>トウ</t>
    </rPh>
    <rPh sb="4" eb="6">
      <t>キテイ</t>
    </rPh>
    <rPh sb="9" eb="11">
      <t>トウケツ</t>
    </rPh>
    <rPh sb="11" eb="13">
      <t>ボウシ</t>
    </rPh>
    <rPh sb="17" eb="19">
      <t>ハイカン</t>
    </rPh>
    <phoneticPr fontId="1"/>
  </si>
  <si>
    <t>②更新対策（共用排水管）</t>
    <phoneticPr fontId="1"/>
  </si>
  <si>
    <t>いる地域</t>
    <phoneticPr fontId="1"/>
  </si>
  <si>
    <t>排水横主管が共用部に設けられている</t>
    <rPh sb="0" eb="2">
      <t>ハイスイ</t>
    </rPh>
    <rPh sb="2" eb="3">
      <t>ヨコ</t>
    </rPh>
    <rPh sb="3" eb="4">
      <t>シュ</t>
    </rPh>
    <rPh sb="4" eb="5">
      <t>カン</t>
    </rPh>
    <rPh sb="6" eb="8">
      <t>キョウヨウ</t>
    </rPh>
    <rPh sb="8" eb="9">
      <t>ブ</t>
    </rPh>
    <rPh sb="10" eb="11">
      <t>モウ</t>
    </rPh>
    <phoneticPr fontId="1"/>
  </si>
  <si>
    <t>設置位置等</t>
    <rPh sb="0" eb="2">
      <t>セッチ</t>
    </rPh>
    <rPh sb="2" eb="4">
      <t>イチ</t>
    </rPh>
    <rPh sb="4" eb="5">
      <t>トウ</t>
    </rPh>
    <phoneticPr fontId="1"/>
  </si>
  <si>
    <t>人通孔その他人が到達できる経路が設けられている（仕上材等</t>
    <rPh sb="0" eb="1">
      <t>ジン</t>
    </rPh>
    <rPh sb="1" eb="2">
      <t>ツウ</t>
    </rPh>
    <rPh sb="2" eb="3">
      <t>コウ</t>
    </rPh>
    <rPh sb="5" eb="6">
      <t>タ</t>
    </rPh>
    <rPh sb="6" eb="7">
      <t>ヒト</t>
    </rPh>
    <rPh sb="8" eb="10">
      <t>トウタツ</t>
    </rPh>
    <rPh sb="13" eb="15">
      <t>ケイロ</t>
    </rPh>
    <rPh sb="16" eb="17">
      <t>モウ</t>
    </rPh>
    <phoneticPr fontId="1"/>
  </si>
  <si>
    <t>の軽微な除去により到達可能なものを含む）</t>
    <rPh sb="1" eb="3">
      <t>ケイビ</t>
    </rPh>
    <rPh sb="4" eb="6">
      <t>ジョキョ</t>
    </rPh>
    <rPh sb="9" eb="11">
      <t>トウタツ</t>
    </rPh>
    <rPh sb="11" eb="13">
      <t>カノウ</t>
    </rPh>
    <rPh sb="17" eb="18">
      <t>フク</t>
    </rPh>
    <phoneticPr fontId="1"/>
  </si>
  <si>
    <t>排水管の</t>
    <rPh sb="0" eb="3">
      <t>ハイスイカン</t>
    </rPh>
    <phoneticPr fontId="1"/>
  </si>
  <si>
    <t>専用部分に立ち入らないで更新できる位置に露出又は更新が</t>
    <rPh sb="0" eb="2">
      <t>センヨウ</t>
    </rPh>
    <rPh sb="2" eb="4">
      <t>ブブン</t>
    </rPh>
    <rPh sb="5" eb="6">
      <t>タ</t>
    </rPh>
    <rPh sb="7" eb="8">
      <t>イ</t>
    </rPh>
    <rPh sb="12" eb="14">
      <t>コウシン</t>
    </rPh>
    <rPh sb="17" eb="19">
      <t>イチ</t>
    </rPh>
    <rPh sb="20" eb="22">
      <t>ロシュツ</t>
    </rPh>
    <phoneticPr fontId="1"/>
  </si>
  <si>
    <t>設置位置</t>
    <rPh sb="0" eb="2">
      <t>セッチ</t>
    </rPh>
    <rPh sb="2" eb="4">
      <t>イチ</t>
    </rPh>
    <phoneticPr fontId="1"/>
  </si>
  <si>
    <t>行える開口を持つＰＳに設置（仕上材等の軽微な除去により</t>
    <rPh sb="3" eb="5">
      <t>カイコウ</t>
    </rPh>
    <rPh sb="6" eb="7">
      <t>モ</t>
    </rPh>
    <phoneticPr fontId="1"/>
  </si>
  <si>
    <t>更新可能なものを含む）</t>
    <rPh sb="0" eb="2">
      <t>コウシン</t>
    </rPh>
    <rPh sb="2" eb="4">
      <t>カノウ</t>
    </rPh>
    <rPh sb="8" eb="9">
      <t>フク</t>
    </rPh>
    <phoneticPr fontId="1"/>
  </si>
  <si>
    <r>
      <t>ただし書き規定を適用(</t>
    </r>
    <r>
      <rPr>
        <sz val="8"/>
        <color theme="1"/>
        <rFont val="ＭＳ Ｐ明朝"/>
        <family val="1"/>
        <charset val="128"/>
      </rPr>
      <t>維持管理の円滑な実施のために必要な措置)</t>
    </r>
    <rPh sb="3" eb="4">
      <t>カ</t>
    </rPh>
    <rPh sb="5" eb="7">
      <t>キテイ</t>
    </rPh>
    <rPh sb="8" eb="10">
      <t>テキヨウ</t>
    </rPh>
    <rPh sb="11" eb="13">
      <t>イジ</t>
    </rPh>
    <rPh sb="13" eb="15">
      <t>カンリ</t>
    </rPh>
    <rPh sb="16" eb="18">
      <t>エンカツ</t>
    </rPh>
    <rPh sb="19" eb="21">
      <t>ジッシ</t>
    </rPh>
    <rPh sb="25" eb="27">
      <t>ヒツヨウ</t>
    </rPh>
    <rPh sb="28" eb="30">
      <t>ソチ</t>
    </rPh>
    <phoneticPr fontId="1"/>
  </si>
  <si>
    <t>切断工事等</t>
    <rPh sb="0" eb="2">
      <t>セツダン</t>
    </rPh>
    <rPh sb="2" eb="4">
      <t>コウジ</t>
    </rPh>
    <rPh sb="4" eb="5">
      <t>トウ</t>
    </rPh>
    <phoneticPr fontId="1"/>
  </si>
  <si>
    <t>共用排水管の切断工事を軽減する措置、かつ、コンクリート</t>
    <rPh sb="0" eb="2">
      <t>キョウヨウ</t>
    </rPh>
    <rPh sb="2" eb="5">
      <t>ハイスイカン</t>
    </rPh>
    <rPh sb="6" eb="8">
      <t>セツダン</t>
    </rPh>
    <rPh sb="8" eb="10">
      <t>コウジ</t>
    </rPh>
    <rPh sb="11" eb="13">
      <t>ケイゲン</t>
    </rPh>
    <rPh sb="15" eb="17">
      <t>ソチ</t>
    </rPh>
    <phoneticPr fontId="1"/>
  </si>
  <si>
    <t>軽減措置</t>
    <rPh sb="0" eb="2">
      <t>ケイゲン</t>
    </rPh>
    <rPh sb="2" eb="4">
      <t>ソチ</t>
    </rPh>
    <phoneticPr fontId="1"/>
  </si>
  <si>
    <t>貫通部のはつり工事を軽減する措置</t>
    <rPh sb="0" eb="2">
      <t>カンツウ</t>
    </rPh>
    <rPh sb="2" eb="3">
      <t>ブ</t>
    </rPh>
    <rPh sb="7" eb="9">
      <t>コウジ</t>
    </rPh>
    <rPh sb="10" eb="12">
      <t>ケイゲン</t>
    </rPh>
    <rPh sb="14" eb="16">
      <t>ソチ</t>
    </rPh>
    <phoneticPr fontId="1"/>
  </si>
  <si>
    <t>専用排水管の接続替えを容易に行うための措置</t>
    <rPh sb="0" eb="2">
      <t>センヨウ</t>
    </rPh>
    <rPh sb="2" eb="5">
      <t>ハイスイカン</t>
    </rPh>
    <rPh sb="6" eb="8">
      <t>セツゾク</t>
    </rPh>
    <rPh sb="8" eb="9">
      <t>カ</t>
    </rPh>
    <rPh sb="11" eb="13">
      <t>ヨウイ</t>
    </rPh>
    <rPh sb="14" eb="15">
      <t>オコナ</t>
    </rPh>
    <rPh sb="19" eb="21">
      <t>ソチ</t>
    </rPh>
    <phoneticPr fontId="1"/>
  </si>
  <si>
    <t>共用排水管の撤去､接続替え､その他更新のための作業空間の確保</t>
    <rPh sb="0" eb="2">
      <t>キョウヨウ</t>
    </rPh>
    <rPh sb="2" eb="5">
      <t>ハイスイカン</t>
    </rPh>
    <rPh sb="6" eb="8">
      <t>テッキョ</t>
    </rPh>
    <rPh sb="9" eb="11">
      <t>セツゾク</t>
    </rPh>
    <rPh sb="11" eb="12">
      <t>カ</t>
    </rPh>
    <rPh sb="16" eb="17">
      <t>タ</t>
    </rPh>
    <rPh sb="17" eb="19">
      <t>コウシン</t>
    </rPh>
    <rPh sb="23" eb="25">
      <t>サギョウ</t>
    </rPh>
    <rPh sb="25" eb="27">
      <t>クウカン</t>
    </rPh>
    <rPh sb="28" eb="30">
      <t>カクホ</t>
    </rPh>
    <phoneticPr fontId="1"/>
  </si>
  <si>
    <t>増設更新</t>
    <rPh sb="0" eb="2">
      <t>ゾウセツ</t>
    </rPh>
    <rPh sb="2" eb="4">
      <t>コウシン</t>
    </rPh>
    <phoneticPr fontId="1"/>
  </si>
  <si>
    <t>共用排水管の近傍に新たな共用排水管を設置できる空間、</t>
    <rPh sb="0" eb="2">
      <t>キョウヨウ</t>
    </rPh>
    <rPh sb="2" eb="4">
      <t>ハイスイ</t>
    </rPh>
    <rPh sb="4" eb="5">
      <t>カン</t>
    </rPh>
    <rPh sb="6" eb="8">
      <t>キンボウ</t>
    </rPh>
    <rPh sb="9" eb="10">
      <t>アラ</t>
    </rPh>
    <rPh sb="12" eb="14">
      <t>キョウヨウ</t>
    </rPh>
    <rPh sb="14" eb="16">
      <t>ハイスイ</t>
    </rPh>
    <rPh sb="16" eb="17">
      <t>カン</t>
    </rPh>
    <rPh sb="18" eb="20">
      <t>セッチ</t>
    </rPh>
    <rPh sb="23" eb="25">
      <t>クウカン</t>
    </rPh>
    <phoneticPr fontId="1"/>
  </si>
  <si>
    <t>対応措置</t>
    <phoneticPr fontId="1"/>
  </si>
  <si>
    <t>スリーブ等の設置</t>
    <rPh sb="4" eb="5">
      <t>トウ</t>
    </rPh>
    <rPh sb="6" eb="8">
      <t>セッチ</t>
    </rPh>
    <phoneticPr fontId="1"/>
  </si>
  <si>
    <t>専用排水管の接続替えを容易に行うための措置</t>
    <phoneticPr fontId="1"/>
  </si>
  <si>
    <t>躯体天井高さ</t>
    <rPh sb="0" eb="2">
      <t>クタイ</t>
    </rPh>
    <rPh sb="2" eb="4">
      <t>テンジョウ</t>
    </rPh>
    <rPh sb="4" eb="5">
      <t>タカ</t>
    </rPh>
    <phoneticPr fontId="1"/>
  </si>
  <si>
    <t>居室天井高さ</t>
    <rPh sb="0" eb="2">
      <t>キョシツ</t>
    </rPh>
    <rPh sb="2" eb="4">
      <t>テンジョウ</t>
    </rPh>
    <rPh sb="4" eb="5">
      <t>タカ</t>
    </rPh>
    <phoneticPr fontId="1"/>
  </si>
  <si>
    <t>配管</t>
  </si>
  <si>
    <t>他住戸内の</t>
    <rPh sb="0" eb="3">
      <t>タジュウコ</t>
    </rPh>
    <rPh sb="3" eb="4">
      <t>ナイ</t>
    </rPh>
    <phoneticPr fontId="1"/>
  </si>
  <si>
    <t>給水管、排水管及び給湯管の他住戸専用部内への設置無し</t>
    <rPh sb="0" eb="3">
      <t>キュウスイカン</t>
    </rPh>
    <rPh sb="4" eb="7">
      <t>ハイスイカン</t>
    </rPh>
    <rPh sb="7" eb="8">
      <t>オヨ</t>
    </rPh>
    <rPh sb="9" eb="12">
      <t>キュウトウカン</t>
    </rPh>
    <rPh sb="13" eb="14">
      <t>タ</t>
    </rPh>
    <rPh sb="14" eb="15">
      <t>ジュウ</t>
    </rPh>
    <rPh sb="15" eb="16">
      <t>コ</t>
    </rPh>
    <rPh sb="16" eb="18">
      <t>センヨウ</t>
    </rPh>
    <rPh sb="18" eb="19">
      <t>ブ</t>
    </rPh>
    <rPh sb="19" eb="20">
      <t>ナイ</t>
    </rPh>
    <rPh sb="22" eb="24">
      <t>セッチ</t>
    </rPh>
    <rPh sb="24" eb="25">
      <t>ナ</t>
    </rPh>
    <phoneticPr fontId="1"/>
  </si>
  <si>
    <t>専用部内の</t>
    <rPh sb="0" eb="3">
      <t>センヨウブ</t>
    </rPh>
    <rPh sb="3" eb="4">
      <t>ナイ</t>
    </rPh>
    <phoneticPr fontId="1"/>
  </si>
  <si>
    <t>共用竪管に隣接</t>
    <rPh sb="0" eb="2">
      <t>キョウヨウ</t>
    </rPh>
    <rPh sb="2" eb="3">
      <t>タテ</t>
    </rPh>
    <rPh sb="3" eb="4">
      <t>カン</t>
    </rPh>
    <rPh sb="5" eb="7">
      <t>リンセツ</t>
    </rPh>
    <phoneticPr fontId="1"/>
  </si>
  <si>
    <t>（露出又は開口有）]</t>
    <rPh sb="1" eb="3">
      <t>ロシュツ</t>
    </rPh>
    <rPh sb="3" eb="4">
      <t>マタ</t>
    </rPh>
    <rPh sb="5" eb="7">
      <t>カイコウ</t>
    </rPh>
    <rPh sb="7" eb="8">
      <t>ア</t>
    </rPh>
    <phoneticPr fontId="1"/>
  </si>
  <si>
    <t>共用廊下</t>
    <rPh sb="0" eb="2">
      <t>キョウヨウ</t>
    </rPh>
    <rPh sb="2" eb="4">
      <t>ロウカ</t>
    </rPh>
    <phoneticPr fontId="1"/>
  </si>
  <si>
    <t>有効幅員</t>
    <rPh sb="0" eb="2">
      <t>ユウコウ</t>
    </rPh>
    <rPh sb="2" eb="4">
      <t>フクイン</t>
    </rPh>
    <phoneticPr fontId="1"/>
  </si>
  <si>
    <t>の幅員</t>
    <rPh sb="1" eb="3">
      <t>フクイン</t>
    </rPh>
    <phoneticPr fontId="1"/>
  </si>
  <si>
    <t>（共用部分）</t>
    <rPh sb="1" eb="3">
      <t>キョウヨウ</t>
    </rPh>
    <rPh sb="3" eb="5">
      <t>ブブン</t>
    </rPh>
    <phoneticPr fontId="1"/>
  </si>
  <si>
    <t>外部開放廊</t>
    <rPh sb="0" eb="2">
      <t>ガイブ</t>
    </rPh>
    <rPh sb="2" eb="4">
      <t>カイホウ</t>
    </rPh>
    <phoneticPr fontId="1"/>
  </si>
  <si>
    <t>転落防止措置の床からの高さ</t>
    <rPh sb="0" eb="2">
      <t>テンラク</t>
    </rPh>
    <rPh sb="2" eb="4">
      <t>ボウシ</t>
    </rPh>
    <rPh sb="4" eb="6">
      <t>ソチ</t>
    </rPh>
    <rPh sb="7" eb="8">
      <t>ユカ</t>
    </rPh>
    <rPh sb="11" eb="12">
      <t>タカ</t>
    </rPh>
    <phoneticPr fontId="1"/>
  </si>
  <si>
    <t>下の転落防</t>
    <rPh sb="2" eb="4">
      <t>テンラク</t>
    </rPh>
    <phoneticPr fontId="1"/>
  </si>
  <si>
    <t>手すり壁</t>
    <rPh sb="0" eb="1">
      <t>テ</t>
    </rPh>
    <rPh sb="3" eb="4">
      <t>カベ</t>
    </rPh>
    <phoneticPr fontId="1"/>
  </si>
  <si>
    <t>さく</t>
    <phoneticPr fontId="1"/>
  </si>
  <si>
    <t>金網</t>
    <rPh sb="0" eb="2">
      <t>カナアミ</t>
    </rPh>
    <phoneticPr fontId="1"/>
  </si>
  <si>
    <t>止用手すり</t>
    <rPh sb="2" eb="3">
      <t>テ</t>
    </rPh>
    <phoneticPr fontId="1"/>
  </si>
  <si>
    <t>共用階段</t>
    <rPh sb="0" eb="2">
      <t>キョウヨウ</t>
    </rPh>
    <rPh sb="2" eb="4">
      <t>カイダン</t>
    </rPh>
    <phoneticPr fontId="1"/>
  </si>
  <si>
    <t>勾配等</t>
    <rPh sb="0" eb="2">
      <t>コウバイ</t>
    </rPh>
    <rPh sb="2" eb="3">
      <t>トウ</t>
    </rPh>
    <phoneticPr fontId="1"/>
  </si>
  <si>
    <t>けあげ</t>
    <phoneticPr fontId="1"/>
  </si>
  <si>
    <t>踏面</t>
    <rPh sb="0" eb="1">
      <t>フ</t>
    </rPh>
    <rPh sb="1" eb="2">
      <t>メン</t>
    </rPh>
    <phoneticPr fontId="1"/>
  </si>
  <si>
    <t>勾配</t>
    <rPh sb="0" eb="2">
      <t>コウバイ</t>
    </rPh>
    <phoneticPr fontId="1"/>
  </si>
  <si>
    <t>/</t>
    <phoneticPr fontId="1"/>
  </si>
  <si>
    <t>階段詳細図</t>
    <rPh sb="0" eb="2">
      <t>カイダン</t>
    </rPh>
    <rPh sb="2" eb="4">
      <t>ショウサイ</t>
    </rPh>
    <rPh sb="4" eb="5">
      <t>ズ</t>
    </rPh>
    <phoneticPr fontId="1"/>
  </si>
  <si>
    <t>蹴込み</t>
    <rPh sb="0" eb="1">
      <t>ケ</t>
    </rPh>
    <rPh sb="1" eb="2">
      <t>コ</t>
    </rPh>
    <phoneticPr fontId="1"/>
  </si>
  <si>
    <t>蹴込み寸法</t>
    <rPh sb="0" eb="1">
      <t>ケ</t>
    </rPh>
    <rPh sb="1" eb="2">
      <t>コ</t>
    </rPh>
    <rPh sb="3" eb="5">
      <t>スンポウ</t>
    </rPh>
    <phoneticPr fontId="1"/>
  </si>
  <si>
    <t>蹴込み板</t>
    <rPh sb="0" eb="1">
      <t>ケ</t>
    </rPh>
    <rPh sb="1" eb="2">
      <t>コ</t>
    </rPh>
    <rPh sb="3" eb="4">
      <t>イタ</t>
    </rPh>
    <phoneticPr fontId="1"/>
  </si>
  <si>
    <t>形式等</t>
    <rPh sb="0" eb="2">
      <t>ケイシキ</t>
    </rPh>
    <rPh sb="2" eb="3">
      <t>トウ</t>
    </rPh>
    <phoneticPr fontId="1"/>
  </si>
  <si>
    <t>階段の形式</t>
    <rPh sb="0" eb="2">
      <t>カイダン</t>
    </rPh>
    <rPh sb="3" eb="5">
      <t>ケイシキ</t>
    </rPh>
    <phoneticPr fontId="1"/>
  </si>
  <si>
    <t>踊り場付き折れ階段</t>
    <rPh sb="0" eb="1">
      <t>オド</t>
    </rPh>
    <rPh sb="2" eb="3">
      <t>バ</t>
    </rPh>
    <rPh sb="3" eb="4">
      <t>ツ</t>
    </rPh>
    <rPh sb="5" eb="6">
      <t>オ</t>
    </rPh>
    <rPh sb="7" eb="9">
      <t>カイダン</t>
    </rPh>
    <phoneticPr fontId="1"/>
  </si>
  <si>
    <t>直階段</t>
    <rPh sb="0" eb="1">
      <t>チョク</t>
    </rPh>
    <rPh sb="1" eb="3">
      <t>カイダン</t>
    </rPh>
    <phoneticPr fontId="1"/>
  </si>
  <si>
    <t>最上段の通路等への食い込み</t>
    <rPh sb="0" eb="2">
      <t>サイジョウ</t>
    </rPh>
    <rPh sb="2" eb="3">
      <t>ダン</t>
    </rPh>
    <rPh sb="4" eb="6">
      <t>ツウロ</t>
    </rPh>
    <rPh sb="6" eb="7">
      <t>トウ</t>
    </rPh>
    <rPh sb="9" eb="10">
      <t>ク</t>
    </rPh>
    <rPh sb="11" eb="12">
      <t>コ</t>
    </rPh>
    <phoneticPr fontId="1"/>
  </si>
  <si>
    <t>最下段の通路等への突出</t>
    <rPh sb="0" eb="2">
      <t>サイカ</t>
    </rPh>
    <rPh sb="2" eb="3">
      <t>ダン</t>
    </rPh>
    <rPh sb="4" eb="6">
      <t>ツウロ</t>
    </rPh>
    <rPh sb="6" eb="7">
      <t>トウ</t>
    </rPh>
    <rPh sb="9" eb="11">
      <t>トッシュツ</t>
    </rPh>
    <phoneticPr fontId="1"/>
  </si>
  <si>
    <t>滑り防止</t>
    <rPh sb="0" eb="1">
      <t>スベ</t>
    </rPh>
    <rPh sb="2" eb="4">
      <t>ボウシ</t>
    </rPh>
    <phoneticPr fontId="1"/>
  </si>
  <si>
    <t>滑り止め</t>
    <rPh sb="0" eb="1">
      <t>スベ</t>
    </rPh>
    <rPh sb="2" eb="3">
      <t>ト</t>
    </rPh>
    <phoneticPr fontId="1"/>
  </si>
  <si>
    <t>有、踏面と同一面）</t>
    <rPh sb="0" eb="1">
      <t>ア</t>
    </rPh>
    <rPh sb="2" eb="3">
      <t>フ</t>
    </rPh>
    <rPh sb="3" eb="4">
      <t>メン</t>
    </rPh>
    <rPh sb="5" eb="7">
      <t>ドウイツ</t>
    </rPh>
    <rPh sb="7" eb="8">
      <t>メン</t>
    </rPh>
    <phoneticPr fontId="1"/>
  </si>
  <si>
    <t>段鼻</t>
    <rPh sb="0" eb="1">
      <t>ダン</t>
    </rPh>
    <rPh sb="1" eb="2">
      <t>ハナ</t>
    </rPh>
    <phoneticPr fontId="1"/>
  </si>
  <si>
    <t>段鼻の出</t>
    <rPh sb="0" eb="1">
      <t>ダン</t>
    </rPh>
    <rPh sb="1" eb="2">
      <t>ハナ</t>
    </rPh>
    <rPh sb="3" eb="4">
      <t>デ</t>
    </rPh>
    <phoneticPr fontId="1"/>
  </si>
  <si>
    <t>転落防止用</t>
    <rPh sb="0" eb="2">
      <t>テンラク</t>
    </rPh>
    <rPh sb="2" eb="4">
      <t>ボウシ</t>
    </rPh>
    <phoneticPr fontId="1"/>
  </si>
  <si>
    <t>手すり（外部</t>
    <rPh sb="0" eb="1">
      <t>テ</t>
    </rPh>
    <phoneticPr fontId="1"/>
  </si>
  <si>
    <t>開放階段）</t>
    <rPh sb="2" eb="4">
      <t>カイダン</t>
    </rPh>
    <phoneticPr fontId="1"/>
  </si>
  <si>
    <t>手すり</t>
    <rPh sb="0" eb="1">
      <t>テ</t>
    </rPh>
    <phoneticPr fontId="1"/>
  </si>
  <si>
    <t>エレベーター</t>
    <phoneticPr fontId="1"/>
  </si>
  <si>
    <t>住戸の位置</t>
    <rPh sb="0" eb="2">
      <t>ジュウコ</t>
    </rPh>
    <rPh sb="3" eb="5">
      <t>イチ</t>
    </rPh>
    <phoneticPr fontId="1"/>
  </si>
  <si>
    <t>建物出入口に存する階</t>
    <rPh sb="0" eb="2">
      <t>タテモノ</t>
    </rPh>
    <rPh sb="2" eb="4">
      <t>デイリ</t>
    </rPh>
    <rPh sb="4" eb="5">
      <t>グチ</t>
    </rPh>
    <rPh sb="6" eb="7">
      <t>ソン</t>
    </rPh>
    <rPh sb="9" eb="10">
      <t>カイ</t>
    </rPh>
    <phoneticPr fontId="1"/>
  </si>
  <si>
    <t>左記以外）</t>
    <rPh sb="0" eb="2">
      <t>サキ</t>
    </rPh>
    <rPh sb="2" eb="4">
      <t>イガイ</t>
    </rPh>
    <phoneticPr fontId="1"/>
  </si>
  <si>
    <t>の利用</t>
    <rPh sb="1" eb="3">
      <t>リヨウ</t>
    </rPh>
    <phoneticPr fontId="1"/>
  </si>
  <si>
    <t>エレベーター設置</t>
    <rPh sb="6" eb="8">
      <t>セッチ</t>
    </rPh>
    <phoneticPr fontId="1"/>
  </si>
  <si>
    <t>出入口の有効幅員</t>
    <rPh sb="0" eb="2">
      <t>デイリ</t>
    </rPh>
    <rPh sb="2" eb="3">
      <t>グチ</t>
    </rPh>
    <rPh sb="4" eb="6">
      <t>ユウコウ</t>
    </rPh>
    <rPh sb="6" eb="8">
      <t>フクイン</t>
    </rPh>
    <phoneticPr fontId="1"/>
  </si>
  <si>
    <t>の仕様</t>
    <rPh sb="1" eb="3">
      <t>シヨウ</t>
    </rPh>
    <phoneticPr fontId="1"/>
  </si>
  <si>
    <t>エレベーターホールの寸法</t>
    <rPh sb="10" eb="12">
      <t>スンポウ</t>
    </rPh>
    <phoneticPr fontId="1"/>
  </si>
  <si>
    <t>×</t>
    <phoneticPr fontId="1"/>
  </si>
  <si>
    <t>ホールの広さ</t>
    <rPh sb="4" eb="5">
      <t>ヒロ</t>
    </rPh>
    <phoneticPr fontId="1"/>
  </si>
  <si>
    <t>上記措置に代えて階段の両側に手すりを設置</t>
    <rPh sb="0" eb="2">
      <t>ジョウキ</t>
    </rPh>
    <rPh sb="2" eb="4">
      <t>ソチ</t>
    </rPh>
    <rPh sb="5" eb="6">
      <t>カ</t>
    </rPh>
    <rPh sb="8" eb="10">
      <t>カイダン</t>
    </rPh>
    <rPh sb="11" eb="13">
      <t>リョウガワ</t>
    </rPh>
    <rPh sb="14" eb="15">
      <t>テ</t>
    </rPh>
    <rPh sb="18" eb="20">
      <t>セッチ</t>
    </rPh>
    <phoneticPr fontId="1"/>
  </si>
  <si>
    <t>の手すり</t>
    <rPh sb="1" eb="2">
      <t>テ</t>
    </rPh>
    <phoneticPr fontId="1"/>
  </si>
  <si>
    <r>
      <t>（　</t>
    </r>
    <r>
      <rPr>
        <sz val="11"/>
        <color theme="1"/>
        <rFont val="ＭＳ Ｐ明朝"/>
        <family val="1"/>
        <charset val="128"/>
      </rPr>
      <t>□</t>
    </r>
    <r>
      <rPr>
        <sz val="9"/>
        <color theme="1"/>
        <rFont val="ＭＳ Ｐ明朝"/>
        <family val="1"/>
        <charset val="128"/>
      </rPr>
      <t>使用上支障がないこと　）　</t>
    </r>
    <r>
      <rPr>
        <sz val="11"/>
        <color theme="1"/>
        <rFont val="ＭＳ Ｐ明朝"/>
        <family val="1"/>
        <charset val="128"/>
      </rPr>
      <t>）</t>
    </r>
    <rPh sb="3" eb="6">
      <t>シヨウジョウ</t>
    </rPh>
    <rPh sb="6" eb="8">
      <t>シショウ</t>
    </rPh>
    <phoneticPr fontId="1"/>
  </si>
  <si>
    <t>（第三面）</t>
    <phoneticPr fontId="1"/>
  </si>
  <si>
    <t>住宅仕様基準</t>
    <rPh sb="0" eb="2">
      <t>ジュウタク</t>
    </rPh>
    <rPh sb="2" eb="4">
      <t>シヨウ</t>
    </rPh>
    <rPh sb="4" eb="6">
      <t>キジュン</t>
    </rPh>
    <phoneticPr fontId="1"/>
  </si>
  <si>
    <t>結露防止対策</t>
    <rPh sb="0" eb="2">
      <t>ケツロ</t>
    </rPh>
    <rPh sb="2" eb="4">
      <t>ボウシ</t>
    </rPh>
    <rPh sb="4" eb="6">
      <t>タイサク</t>
    </rPh>
    <phoneticPr fontId="1"/>
  </si>
  <si>
    <t>繊維系断熱材を利用していない</t>
    <rPh sb="0" eb="3">
      <t>センイケイ</t>
    </rPh>
    <rPh sb="3" eb="6">
      <t>ダンネツザイ</t>
    </rPh>
    <rPh sb="7" eb="9">
      <t>リヨウ</t>
    </rPh>
    <phoneticPr fontId="1"/>
  </si>
  <si>
    <t>熱橋部対策</t>
    <rPh sb="0" eb="1">
      <t>ネツ</t>
    </rPh>
    <rPh sb="1" eb="2">
      <t>ハシ</t>
    </rPh>
    <rPh sb="2" eb="3">
      <t>ブ</t>
    </rPh>
    <rPh sb="3" eb="5">
      <t>タイサク</t>
    </rPh>
    <phoneticPr fontId="1"/>
  </si>
  <si>
    <t>熱橋部の</t>
    <rPh sb="0" eb="1">
      <t>ネツ</t>
    </rPh>
    <rPh sb="1" eb="2">
      <t>ハシ</t>
    </rPh>
    <rPh sb="2" eb="3">
      <t>ブ</t>
    </rPh>
    <phoneticPr fontId="1"/>
  </si>
  <si>
    <t>構造熱橋部の断熱補強措置</t>
    <rPh sb="0" eb="2">
      <t>コウゾウ</t>
    </rPh>
    <rPh sb="2" eb="3">
      <t>ネツ</t>
    </rPh>
    <rPh sb="3" eb="4">
      <t>ハシ</t>
    </rPh>
    <rPh sb="4" eb="5">
      <t>ブ</t>
    </rPh>
    <rPh sb="6" eb="8">
      <t>ダンネツ</t>
    </rPh>
    <rPh sb="8" eb="10">
      <t>ホキョウ</t>
    </rPh>
    <rPh sb="10" eb="12">
      <t>ソチ</t>
    </rPh>
    <phoneticPr fontId="1"/>
  </si>
  <si>
    <t>断熱補強</t>
    <phoneticPr fontId="1"/>
  </si>
  <si>
    <t>断熱材の熱抵抗又は断熱材の厚さと種類</t>
    <rPh sb="0" eb="3">
      <t>ダンネツザイ</t>
    </rPh>
    <rPh sb="4" eb="5">
      <t>ネツ</t>
    </rPh>
    <rPh sb="5" eb="7">
      <t>テイコウ</t>
    </rPh>
    <rPh sb="7" eb="8">
      <t>マタ</t>
    </rPh>
    <rPh sb="9" eb="12">
      <t>ダンネツザイ</t>
    </rPh>
    <rPh sb="13" eb="14">
      <t>アツ</t>
    </rPh>
    <rPh sb="16" eb="18">
      <t>シュルイ</t>
    </rPh>
    <phoneticPr fontId="1"/>
  </si>
  <si>
    <t>対策</t>
  </si>
  <si>
    <t>補強範囲</t>
    <rPh sb="0" eb="2">
      <t>ホキョウ</t>
    </rPh>
    <rPh sb="2" eb="4">
      <t>ハンイ</t>
    </rPh>
    <phoneticPr fontId="1"/>
  </si>
  <si>
    <r>
      <t>暖房期の平均日射熱取得率η</t>
    </r>
    <r>
      <rPr>
        <vertAlign val="subscript"/>
        <sz val="9"/>
        <color theme="1"/>
        <rFont val="ＭＳ Ｐ明朝"/>
        <family val="1"/>
        <charset val="128"/>
      </rPr>
      <t>AH</t>
    </r>
    <rPh sb="0" eb="1">
      <t>ダン</t>
    </rPh>
    <rPh sb="1" eb="2">
      <t>フサ</t>
    </rPh>
    <rPh sb="2" eb="3">
      <t>キ</t>
    </rPh>
    <rPh sb="4" eb="6">
      <t>ヘイキン</t>
    </rPh>
    <rPh sb="6" eb="8">
      <t>ニッシャ</t>
    </rPh>
    <rPh sb="8" eb="9">
      <t>ネツ</t>
    </rPh>
    <rPh sb="9" eb="12">
      <t>シュトクリツ</t>
    </rPh>
    <phoneticPr fontId="1"/>
  </si>
  <si>
    <t>換気設備</t>
    <rPh sb="0" eb="2">
      <t>カンキ</t>
    </rPh>
    <rPh sb="2" eb="4">
      <t>セツビ</t>
    </rPh>
    <phoneticPr fontId="1"/>
  </si>
  <si>
    <t>方式</t>
    <phoneticPr fontId="1"/>
  </si>
  <si>
    <t>エネルギー利用効率化設備等のいずれも作動するものであることを確認した</t>
    <rPh sb="5" eb="7">
      <t>リヨウ</t>
    </rPh>
    <rPh sb="7" eb="10">
      <t>コウリツカ</t>
    </rPh>
    <rPh sb="10" eb="12">
      <t>セツビ</t>
    </rPh>
    <rPh sb="12" eb="13">
      <t>トウ</t>
    </rPh>
    <rPh sb="18" eb="20">
      <t>サドウ</t>
    </rPh>
    <rPh sb="30" eb="32">
      <t>カクニン</t>
    </rPh>
    <phoneticPr fontId="1"/>
  </si>
  <si>
    <t>設計内容説明書【ＲＣ共同住宅等（住戸用）】</t>
    <rPh sb="16" eb="18">
      <t>ジュウコ</t>
    </rPh>
    <phoneticPr fontId="1"/>
  </si>
  <si>
    <t>平成21年６月４日以降に新築した後増改築していない場合</t>
    <phoneticPr fontId="1"/>
  </si>
  <si>
    <t>平成28年４月１日以降に増改築した場合</t>
    <phoneticPr fontId="1"/>
  </si>
  <si>
    <t>平成21年６月３日以前に新築し、又は平成28年３月31日以前に増改築した場合（上記の場合を除く）</t>
    <rPh sb="39" eb="41">
      <t>ジョウキ</t>
    </rPh>
    <phoneticPr fontId="1"/>
  </si>
  <si>
    <t>⇒　様式①の設計内容説明書（第一面以降）を添付</t>
    <rPh sb="2" eb="4">
      <t>ヨウシキ</t>
    </rPh>
    <phoneticPr fontId="1"/>
  </si>
  <si>
    <t>⇒　様式②の設計内容説明書（第一面以降）を添付</t>
    <rPh sb="2" eb="4">
      <t>ヨウシキ</t>
    </rPh>
    <phoneticPr fontId="1"/>
  </si>
  <si>
    <t>本基準に係る全ての増改築を実施していない</t>
  </si>
  <si>
    <t>本基準に係る全ての増改築を実施していない</t>
    <phoneticPr fontId="1"/>
  </si>
  <si>
    <t>外壁の構造</t>
  </si>
  <si>
    <t>柱</t>
    <rPh sb="0" eb="1">
      <t>ハシラ</t>
    </rPh>
    <phoneticPr fontId="1"/>
  </si>
  <si>
    <t>樹種</t>
    <rPh sb="0" eb="2">
      <t>ジュシュ</t>
    </rPh>
    <phoneticPr fontId="1"/>
  </si>
  <si>
    <t>集成材等</t>
    <rPh sb="0" eb="3">
      <t>シュウセイザイ</t>
    </rPh>
    <rPh sb="3" eb="4">
      <t>トウ</t>
    </rPh>
    <phoneticPr fontId="1"/>
  </si>
  <si>
    <t>]</t>
    <phoneticPr fontId="1"/>
  </si>
  <si>
    <t>小計</t>
    <rPh sb="0" eb="2">
      <t>ショウケイ</t>
    </rPh>
    <phoneticPr fontId="1"/>
  </si>
  <si>
    <t>薬剤処理</t>
    <rPh sb="0" eb="2">
      <t>ヤクザイ</t>
    </rPh>
    <rPh sb="2" eb="4">
      <t>ショリ</t>
    </rPh>
    <phoneticPr fontId="1"/>
  </si>
  <si>
    <t>方法</t>
    <rPh sb="0" eb="2">
      <t>ホウホウ</t>
    </rPh>
    <phoneticPr fontId="1"/>
  </si>
  <si>
    <t>無</t>
    <rPh sb="0" eb="1">
      <t>ム</t>
    </rPh>
    <phoneticPr fontId="1"/>
  </si>
  <si>
    <t>柱以外の軸材</t>
    <rPh sb="0" eb="1">
      <t>ハシラ</t>
    </rPh>
    <rPh sb="1" eb="3">
      <t>イガイ</t>
    </rPh>
    <rPh sb="4" eb="6">
      <t>ジクザイ</t>
    </rPh>
    <phoneticPr fontId="1"/>
  </si>
  <si>
    <t>構造用合板等の種類</t>
    <rPh sb="0" eb="5">
      <t>コウゾウヨウゴウハン</t>
    </rPh>
    <rPh sb="5" eb="6">
      <t>トウ</t>
    </rPh>
    <rPh sb="7" eb="9">
      <t>シュルイ</t>
    </rPh>
    <phoneticPr fontId="1"/>
  </si>
  <si>
    <t>防蟻措置</t>
    <rPh sb="0" eb="2">
      <t>ボウギ</t>
    </rPh>
    <rPh sb="1" eb="2">
      <t>アリ</t>
    </rPh>
    <rPh sb="2" eb="4">
      <t>ソチ</t>
    </rPh>
    <phoneticPr fontId="1"/>
  </si>
  <si>
    <t>べた基礎等</t>
    <rPh sb="2" eb="4">
      <t>キソ</t>
    </rPh>
    <rPh sb="4" eb="5">
      <t>トウ</t>
    </rPh>
    <phoneticPr fontId="1"/>
  </si>
  <si>
    <t>土壌処理</t>
    <rPh sb="0" eb="4">
      <t>ドジョウショリ</t>
    </rPh>
    <phoneticPr fontId="1"/>
  </si>
  <si>
    <t>土壌処理方法</t>
    <rPh sb="0" eb="2">
      <t>ドジョウ</t>
    </rPh>
    <rPh sb="2" eb="4">
      <t>ショリ</t>
    </rPh>
    <phoneticPr fontId="1"/>
  </si>
  <si>
    <t>床下防湿・</t>
    <rPh sb="0" eb="2">
      <t>ユカシタ</t>
    </rPh>
    <rPh sb="2" eb="4">
      <t>ボウシツ</t>
    </rPh>
    <phoneticPr fontId="1"/>
  </si>
  <si>
    <t>防湿方法</t>
    <rPh sb="0" eb="2">
      <t>ボウシツ</t>
    </rPh>
    <rPh sb="2" eb="4">
      <t>ホウホウ</t>
    </rPh>
    <phoneticPr fontId="1"/>
  </si>
  <si>
    <t>計算書</t>
    <rPh sb="0" eb="3">
      <t>ケイサンショ</t>
    </rPh>
    <phoneticPr fontId="1"/>
  </si>
  <si>
    <t>換気措置</t>
    <rPh sb="0" eb="4">
      <t>カンキソチ</t>
    </rPh>
    <phoneticPr fontId="1"/>
  </si>
  <si>
    <t>防湿フィルムの場合の材料</t>
    <rPh sb="0" eb="2">
      <t>ボウシツ</t>
    </rPh>
    <rPh sb="7" eb="9">
      <t>バアイ</t>
    </rPh>
    <rPh sb="10" eb="12">
      <t>ザイリョウ</t>
    </rPh>
    <phoneticPr fontId="1"/>
  </si>
  <si>
    <t>換気措置</t>
    <rPh sb="0" eb="2">
      <t>カンキ</t>
    </rPh>
    <rPh sb="2" eb="4">
      <t>ソチ</t>
    </rPh>
    <phoneticPr fontId="1"/>
  </si>
  <si>
    <t>mm、幅</t>
    <rPh sb="3" eb="4">
      <t>ハバ</t>
    </rPh>
    <phoneticPr fontId="1"/>
  </si>
  <si>
    <t>有効面積</t>
    <rPh sb="0" eb="4">
      <t>ユウコウメンセキ</t>
    </rPh>
    <phoneticPr fontId="1"/>
  </si>
  <si>
    <r>
      <t>cm</t>
    </r>
    <r>
      <rPr>
        <vertAlign val="superscript"/>
        <sz val="9"/>
        <color theme="1"/>
        <rFont val="ＭＳ Ｐ明朝"/>
        <family val="1"/>
        <charset val="128"/>
      </rPr>
      <t>2</t>
    </r>
    <r>
      <rPr>
        <sz val="9"/>
        <color theme="1"/>
        <rFont val="ＭＳ Ｐ明朝"/>
        <family val="1"/>
        <charset val="128"/>
      </rPr>
      <t>/m、高さ</t>
    </r>
    <phoneticPr fontId="1"/>
  </si>
  <si>
    <t>点検空間</t>
    <rPh sb="0" eb="4">
      <t>テンケンクウカン</t>
    </rPh>
    <phoneticPr fontId="1"/>
  </si>
  <si>
    <t>床下措置</t>
    <rPh sb="0" eb="2">
      <t>ユカシタ</t>
    </rPh>
    <rPh sb="2" eb="4">
      <t>ソチ</t>
    </rPh>
    <phoneticPr fontId="1"/>
  </si>
  <si>
    <t>無</t>
    <rPh sb="0" eb="1">
      <t>ナシ</t>
    </rPh>
    <phoneticPr fontId="1"/>
  </si>
  <si>
    <t>の確保</t>
    <rPh sb="1" eb="3">
      <t>カクホ</t>
    </rPh>
    <phoneticPr fontId="1"/>
  </si>
  <si>
    <t>小屋裏措置</t>
    <rPh sb="0" eb="3">
      <t>コヤウラ</t>
    </rPh>
    <rPh sb="3" eb="5">
      <t>ソチ</t>
    </rPh>
    <phoneticPr fontId="1"/>
  </si>
  <si>
    <t>地震力及び</t>
    <rPh sb="0" eb="3">
      <t>ジシンリョク</t>
    </rPh>
    <rPh sb="3" eb="4">
      <t>オヨ</t>
    </rPh>
    <phoneticPr fontId="1"/>
  </si>
  <si>
    <t>壁量計算（仕様規定）</t>
    <rPh sb="0" eb="2">
      <t>カベリョウ</t>
    </rPh>
    <rPh sb="2" eb="4">
      <t>ケイサン</t>
    </rPh>
    <rPh sb="5" eb="7">
      <t>シヨウ</t>
    </rPh>
    <rPh sb="7" eb="9">
      <t>キテイ</t>
    </rPh>
    <phoneticPr fontId="1"/>
  </si>
  <si>
    <t>PV等を設置する</t>
    <rPh sb="2" eb="3">
      <t>トウ</t>
    </rPh>
    <rPh sb="4" eb="6">
      <t>セッチ</t>
    </rPh>
    <phoneticPr fontId="1"/>
  </si>
  <si>
    <t>風圧力に関</t>
    <rPh sb="0" eb="3">
      <t>フウアツリョク</t>
    </rPh>
    <rPh sb="4" eb="5">
      <t>カン</t>
    </rPh>
    <phoneticPr fontId="1"/>
  </si>
  <si>
    <t>許容応力度等計算</t>
    <rPh sb="0" eb="5">
      <t>キョヨウオウリョクド</t>
    </rPh>
    <rPh sb="5" eb="6">
      <t>トウ</t>
    </rPh>
    <rPh sb="6" eb="8">
      <t>ケイサン</t>
    </rPh>
    <phoneticPr fontId="1"/>
  </si>
  <si>
    <t>する検証</t>
    <rPh sb="2" eb="4">
      <t>ケンショウ</t>
    </rPh>
    <phoneticPr fontId="1"/>
  </si>
  <si>
    <t>限界耐力計算</t>
    <rPh sb="0" eb="2">
      <t>ゲンカイ</t>
    </rPh>
    <rPh sb="2" eb="4">
      <t>タイリョク</t>
    </rPh>
    <rPh sb="4" eb="6">
      <t>ケイサン</t>
    </rPh>
    <phoneticPr fontId="1"/>
  </si>
  <si>
    <t>・釘種類</t>
    <rPh sb="1" eb="2">
      <t>クギ</t>
    </rPh>
    <rPh sb="2" eb="4">
      <t>シュルイ</t>
    </rPh>
    <phoneticPr fontId="1"/>
  </si>
  <si>
    <t>取合梁成</t>
    <rPh sb="0" eb="1">
      <t>ト</t>
    </rPh>
    <rPh sb="1" eb="2">
      <t>ア</t>
    </rPh>
    <phoneticPr fontId="1"/>
  </si>
  <si>
    <t>・火打ち構面位置</t>
    <rPh sb="1" eb="2">
      <t>ヒ</t>
    </rPh>
    <rPh sb="2" eb="3">
      <t>ウ</t>
    </rPh>
    <rPh sb="4" eb="5">
      <t>コウ</t>
    </rPh>
    <rPh sb="5" eb="6">
      <t>メン</t>
    </rPh>
    <rPh sb="6" eb="8">
      <t>イチ</t>
    </rPh>
    <phoneticPr fontId="1"/>
  </si>
  <si>
    <t>限界耐力</t>
    <rPh sb="0" eb="2">
      <t>ゲンカイ</t>
    </rPh>
    <rPh sb="2" eb="4">
      <t>タイリョク</t>
    </rPh>
    <phoneticPr fontId="1"/>
  </si>
  <si>
    <t>地上部の各階の安全限界変形の当該階の高さに対する割合が</t>
    <phoneticPr fontId="1"/>
  </si>
  <si>
    <t>計算の場合</t>
    <rPh sb="0" eb="2">
      <t>ケイサン</t>
    </rPh>
    <rPh sb="3" eb="5">
      <t>バアイ</t>
    </rPh>
    <phoneticPr fontId="1"/>
  </si>
  <si>
    <t>１／４０以下であることを確認</t>
    <phoneticPr fontId="1"/>
  </si>
  <si>
    <t>各階の変形をそれぞれ当該階の安全限界変形の７５％以下であることを確認</t>
    <phoneticPr fontId="1"/>
  </si>
  <si>
    <t>等級２，３、かつ地上部の各階の安全限界変形の当該階の</t>
    <phoneticPr fontId="20"/>
  </si>
  <si>
    <t>高さに対する割合が１／３０以下であることを確認</t>
    <phoneticPr fontId="20"/>
  </si>
  <si>
    <t>時刻歴応答</t>
    <rPh sb="0" eb="3">
      <t>ジコクレキ</t>
    </rPh>
    <rPh sb="3" eb="5">
      <t>オウトウ</t>
    </rPh>
    <phoneticPr fontId="1"/>
  </si>
  <si>
    <t>平成12年建設省告示第1461号第1号から第5号までに定める構造計算</t>
    <phoneticPr fontId="1"/>
  </si>
  <si>
    <t>解析計算</t>
    <rPh sb="0" eb="2">
      <t>カイセキ</t>
    </rPh>
    <rPh sb="2" eb="4">
      <t>ケイサン</t>
    </rPh>
    <phoneticPr fontId="1"/>
  </si>
  <si>
    <t>により安全性を有することを確認</t>
    <phoneticPr fontId="1"/>
  </si>
  <si>
    <t>極めて稀に発生する地震による力に対して、各階の応答層間変形角が</t>
    <phoneticPr fontId="1"/>
  </si>
  <si>
    <t>１／１００以下であることを確認</t>
    <phoneticPr fontId="1"/>
  </si>
  <si>
    <t>建築基準法施行令第36条第2項第2号に規定する耐久性等関係規定</t>
    <phoneticPr fontId="1"/>
  </si>
  <si>
    <t>（令第39条第1項及び第70条の規定を除く）に適合している</t>
    <phoneticPr fontId="1"/>
  </si>
  <si>
    <t>免震建築</t>
    <rPh sb="0" eb="2">
      <t>メンシン</t>
    </rPh>
    <rPh sb="2" eb="4">
      <t>ケンチク</t>
    </rPh>
    <phoneticPr fontId="1"/>
  </si>
  <si>
    <t>免震建築物</t>
    <phoneticPr fontId="1"/>
  </si>
  <si>
    <t>物の場合</t>
    <rPh sb="0" eb="1">
      <t>ブツ</t>
    </rPh>
    <rPh sb="2" eb="4">
      <t>バアイ</t>
    </rPh>
    <phoneticPr fontId="1"/>
  </si>
  <si>
    <t>平成12年建設省告示2009号第1第3号による規定</t>
    <phoneticPr fontId="1"/>
  </si>
  <si>
    <t>計画書</t>
    <rPh sb="0" eb="3">
      <t>ケイカクショ</t>
    </rPh>
    <phoneticPr fontId="1"/>
  </si>
  <si>
    <t>配置図</t>
    <rPh sb="0" eb="3">
      <t>ハイチズ</t>
    </rPh>
    <phoneticPr fontId="1"/>
  </si>
  <si>
    <t>同告示第２の該当する号</t>
    <phoneticPr fontId="1"/>
  </si>
  <si>
    <t>一号（四号建築物）</t>
    <phoneticPr fontId="1"/>
  </si>
  <si>
    <t>二号（建築基準法20条第二号に掲げる建築物）</t>
    <phoneticPr fontId="1"/>
  </si>
  <si>
    <t>三号（時刻歴応答解析を行い大臣認定を取得）</t>
    <phoneticPr fontId="1"/>
  </si>
  <si>
    <t>免震層、免震材料の維持に関する計画</t>
    <phoneticPr fontId="1"/>
  </si>
  <si>
    <t>免震材料等の維持管理に関する計画</t>
    <phoneticPr fontId="1"/>
  </si>
  <si>
    <t>敷地の管理に関する計画</t>
    <phoneticPr fontId="1"/>
  </si>
  <si>
    <t>※この欄に記載されている事項は、必要な範囲内で、個別の申請において詳細に設定してください。</t>
    <phoneticPr fontId="20"/>
  </si>
  <si>
    <t>（一戸建ての住宅のため該当なし）</t>
    <phoneticPr fontId="1"/>
  </si>
  <si>
    <t>有</t>
    <rPh sb="0" eb="1">
      <t>アリ</t>
    </rPh>
    <phoneticPr fontId="1"/>
  </si>
  <si>
    <t>地中埋設管上</t>
    <rPh sb="0" eb="2">
      <t>チチュウ</t>
    </rPh>
    <rPh sb="4" eb="5">
      <t>クダ</t>
    </rPh>
    <rPh sb="5" eb="6">
      <t>ウエ</t>
    </rPh>
    <phoneticPr fontId="1"/>
  </si>
  <si>
    <t>条例等の規定により凍結防止のための配管埋設が定められている地域</t>
    <rPh sb="0" eb="2">
      <t>ジョウレイ</t>
    </rPh>
    <rPh sb="2" eb="3">
      <t>トウ</t>
    </rPh>
    <rPh sb="4" eb="6">
      <t>キテイ</t>
    </rPh>
    <rPh sb="9" eb="11">
      <t>トウケツ</t>
    </rPh>
    <rPh sb="11" eb="13">
      <t>ボウシ</t>
    </rPh>
    <rPh sb="17" eb="19">
      <t>ハイカン</t>
    </rPh>
    <rPh sb="19" eb="21">
      <t>マイセツ</t>
    </rPh>
    <rPh sb="22" eb="23">
      <t>サダ</t>
    </rPh>
    <rPh sb="29" eb="31">
      <t>チイキ</t>
    </rPh>
    <phoneticPr fontId="1"/>
  </si>
  <si>
    <t>たわみ、抜け等が生じないように設置</t>
    <rPh sb="4" eb="5">
      <t>ヌ</t>
    </rPh>
    <rPh sb="6" eb="7">
      <t>トウ</t>
    </rPh>
    <rPh sb="8" eb="9">
      <t>ショウ</t>
    </rPh>
    <rPh sb="15" eb="17">
      <t>セッチ</t>
    </rPh>
    <phoneticPr fontId="1"/>
  </si>
  <si>
    <t>開口有</t>
    <phoneticPr fontId="1"/>
  </si>
  <si>
    <t>※この欄に記載されている事項は、必要な範囲内で、個別の申請において詳細に設定してください。</t>
    <phoneticPr fontId="1"/>
  </si>
  <si>
    <t>標準計算法</t>
    <rPh sb="0" eb="2">
      <t>ヒョウジュン</t>
    </rPh>
    <rPh sb="2" eb="5">
      <t>ケイサンホウ</t>
    </rPh>
    <phoneticPr fontId="1"/>
  </si>
  <si>
    <t>簡易計算法</t>
    <phoneticPr fontId="1"/>
  </si>
  <si>
    <t>仕上表</t>
    <rPh sb="0" eb="3">
      <t>シアゲヒョウ</t>
    </rPh>
    <phoneticPr fontId="1"/>
  </si>
  <si>
    <t>【断熱等</t>
    <rPh sb="1" eb="4">
      <t>ダンネツトウ</t>
    </rPh>
    <phoneticPr fontId="1"/>
  </si>
  <si>
    <t>躯体・開口</t>
    <rPh sb="0" eb="2">
      <t>クタイ</t>
    </rPh>
    <rPh sb="3" eb="5">
      <t>カイコウ</t>
    </rPh>
    <phoneticPr fontId="1"/>
  </si>
  <si>
    <t>性能等級】</t>
    <rPh sb="0" eb="2">
      <t>セイノウ</t>
    </rPh>
    <rPh sb="2" eb="4">
      <t>トウキュウ</t>
    </rPh>
    <phoneticPr fontId="1"/>
  </si>
  <si>
    <t>部の断熱</t>
    <rPh sb="0" eb="1">
      <t>ブ</t>
    </rPh>
    <rPh sb="2" eb="4">
      <t>ダンネツ</t>
    </rPh>
    <phoneticPr fontId="1"/>
  </si>
  <si>
    <t>性能等</t>
    <rPh sb="0" eb="3">
      <t>セイノウトウ</t>
    </rPh>
    <phoneticPr fontId="1"/>
  </si>
  <si>
    <r>
      <t>冷房期の平均日射熱取得率（η</t>
    </r>
    <r>
      <rPr>
        <vertAlign val="subscript"/>
        <sz val="9"/>
        <color theme="1"/>
        <rFont val="ＭＳ Ｐ明朝"/>
        <family val="1"/>
        <charset val="128"/>
      </rPr>
      <t>AC</t>
    </r>
    <r>
      <rPr>
        <sz val="9"/>
        <color theme="1"/>
        <rFont val="ＭＳ Ｐ明朝"/>
        <family val="1"/>
        <charset val="128"/>
      </rPr>
      <t>値）の基準に適合</t>
    </r>
    <rPh sb="16" eb="17">
      <t>チ</t>
    </rPh>
    <rPh sb="19" eb="21">
      <t>キジュン</t>
    </rPh>
    <rPh sb="22" eb="24">
      <t>テキゴウ</t>
    </rPh>
    <phoneticPr fontId="1"/>
  </si>
  <si>
    <t>矩計図</t>
    <rPh sb="0" eb="3">
      <t>カナバカリズ</t>
    </rPh>
    <phoneticPr fontId="1"/>
  </si>
  <si>
    <t>建具表</t>
    <rPh sb="0" eb="3">
      <t>タテグヒョウ</t>
    </rPh>
    <phoneticPr fontId="1"/>
  </si>
  <si>
    <t>地域の区分</t>
    <rPh sb="0" eb="2">
      <t>チイキ</t>
    </rPh>
    <rPh sb="3" eb="5">
      <t>クブン</t>
    </rPh>
    <phoneticPr fontId="1"/>
  </si>
  <si>
    <t>結露の発生</t>
    <rPh sb="0" eb="2">
      <t>ケツロ</t>
    </rPh>
    <rPh sb="3" eb="5">
      <t>ハッセイ</t>
    </rPh>
    <phoneticPr fontId="1"/>
  </si>
  <si>
    <t>防止対策</t>
    <rPh sb="0" eb="4">
      <t>ボウシタイサク</t>
    </rPh>
    <phoneticPr fontId="1"/>
  </si>
  <si>
    <t>【一次エネル</t>
    <rPh sb="1" eb="3">
      <t>イチジ</t>
    </rPh>
    <phoneticPr fontId="1"/>
  </si>
  <si>
    <t>ギー消費</t>
    <rPh sb="2" eb="4">
      <t>ショウヒ</t>
    </rPh>
    <phoneticPr fontId="1"/>
  </si>
  <si>
    <t>量等級】</t>
    <rPh sb="0" eb="1">
      <t>リョウ</t>
    </rPh>
    <rPh sb="1" eb="3">
      <t>トウキュウ</t>
    </rPh>
    <phoneticPr fontId="1"/>
  </si>
  <si>
    <t>維持保全計画書</t>
    <rPh sb="0" eb="2">
      <t>イジ</t>
    </rPh>
    <rPh sb="2" eb="4">
      <t>ホゼン</t>
    </rPh>
    <rPh sb="4" eb="7">
      <t>ケイカクショ</t>
    </rPh>
    <phoneticPr fontId="1"/>
  </si>
  <si>
    <t>11.自然災害</t>
    <rPh sb="3" eb="5">
      <t>シゼン</t>
    </rPh>
    <rPh sb="5" eb="7">
      <t>サイガイ</t>
    </rPh>
    <phoneticPr fontId="1"/>
  </si>
  <si>
    <t>区域等への</t>
    <rPh sb="0" eb="3">
      <t>クイキトウ</t>
    </rPh>
    <phoneticPr fontId="1"/>
  </si>
  <si>
    <t>・自然災害のリスクが特に高い区域</t>
    <phoneticPr fontId="1"/>
  </si>
  <si>
    <t>該当有無</t>
    <rPh sb="0" eb="2">
      <t>ガイトウ</t>
    </rPh>
    <rPh sb="2" eb="4">
      <t>ウム</t>
    </rPh>
    <phoneticPr fontId="1"/>
  </si>
  <si>
    <t>・自然災害のリスクに応じて、建築禁止から建築制限まで、</t>
    <phoneticPr fontId="1"/>
  </si>
  <si>
    <t>　所管行政庁が選定・公表したものの区域</t>
  </si>
  <si>
    <t>・一定の自然災害のリスクはあるものの、</t>
    <phoneticPr fontId="1"/>
  </si>
  <si>
    <t>　建築制限はなく一律に居住を避けるべきとまではいえない区域</t>
    <phoneticPr fontId="1"/>
  </si>
  <si>
    <t>所管行政庁が定める必要な措置に適合</t>
    <phoneticPr fontId="1"/>
  </si>
  <si>
    <t>維持保全に要する費用の設定</t>
    <phoneticPr fontId="20"/>
  </si>
  <si>
    <t>設計内容説明書【ＲＣ共同住宅等（住棟用）】</t>
    <rPh sb="0" eb="2">
      <t>セッケイ</t>
    </rPh>
    <rPh sb="2" eb="4">
      <t>ナイヨウ</t>
    </rPh>
    <rPh sb="4" eb="7">
      <t>セツメイショ</t>
    </rPh>
    <rPh sb="10" eb="12">
      <t>キョウドウ</t>
    </rPh>
    <rPh sb="12" eb="14">
      <t>ジュウタク</t>
    </rPh>
    <rPh sb="14" eb="15">
      <t>トウ</t>
    </rPh>
    <rPh sb="16" eb="18">
      <t>ジュウトウ</t>
    </rPh>
    <rPh sb="18" eb="19">
      <t>ヨウ</t>
    </rPh>
    <phoneticPr fontId="1"/>
  </si>
  <si>
    <t>設計者氏名</t>
    <rPh sb="0" eb="3">
      <t>セッケイシャ</t>
    </rPh>
    <rPh sb="3" eb="5">
      <t>シメイ</t>
    </rPh>
    <phoneticPr fontId="1"/>
  </si>
  <si>
    <t>設計内容説明欄※</t>
    <rPh sb="0" eb="2">
      <t>セッケイ</t>
    </rPh>
    <rPh sb="2" eb="4">
      <t>ナイヨウ</t>
    </rPh>
    <rPh sb="4" eb="6">
      <t>セツメイ</t>
    </rPh>
    <rPh sb="6" eb="7">
      <t>ラン</t>
    </rPh>
    <phoneticPr fontId="1"/>
  </si>
  <si>
    <t>１．劣化対</t>
    <rPh sb="2" eb="4">
      <t>レッカ</t>
    </rPh>
    <rPh sb="4" eb="5">
      <t>タイ</t>
    </rPh>
    <phoneticPr fontId="1"/>
  </si>
  <si>
    <t>策等級</t>
    <rPh sb="0" eb="1">
      <t>サク</t>
    </rPh>
    <rPh sb="1" eb="3">
      <t>トウキュウ</t>
    </rPh>
    <phoneticPr fontId="1"/>
  </si>
  <si>
    <t>（構造躯体等）</t>
    <rPh sb="1" eb="6">
      <t>コウゾウクタイトウ</t>
    </rPh>
    <phoneticPr fontId="1"/>
  </si>
  <si>
    <t>構造躯体</t>
    <rPh sb="0" eb="4">
      <t>コウゾウクタイ</t>
    </rPh>
    <phoneticPr fontId="1"/>
  </si>
  <si>
    <t>・構造計算方法</t>
    <rPh sb="1" eb="3">
      <t>コウゾウ</t>
    </rPh>
    <rPh sb="3" eb="5">
      <t>ケイサン</t>
    </rPh>
    <rPh sb="5" eb="7">
      <t>ホウホウ</t>
    </rPh>
    <phoneticPr fontId="1"/>
  </si>
  <si>
    <t>（倒壊等防止）</t>
    <rPh sb="1" eb="6">
      <t>トウカイトウボウシ</t>
    </rPh>
    <phoneticPr fontId="1"/>
  </si>
  <si>
    <t>保有水平耐力計算（ルート３）</t>
    <rPh sb="0" eb="2">
      <t>ホユウ</t>
    </rPh>
    <rPh sb="2" eb="4">
      <t>スイヘイ</t>
    </rPh>
    <rPh sb="4" eb="6">
      <t>タイリョク</t>
    </rPh>
    <rPh sb="6" eb="8">
      <t>ケイサン</t>
    </rPh>
    <phoneticPr fontId="1"/>
  </si>
  <si>
    <t>仕様書</t>
    <rPh sb="0" eb="3">
      <t>シヨウショ</t>
    </rPh>
    <phoneticPr fontId="1"/>
  </si>
  <si>
    <t>許容応力度等計算（ルート２）</t>
    <rPh sb="0" eb="2">
      <t>キョヨウ</t>
    </rPh>
    <rPh sb="2" eb="4">
      <t>オウリョク</t>
    </rPh>
    <rPh sb="4" eb="5">
      <t>ド</t>
    </rPh>
    <rPh sb="5" eb="6">
      <t>トウ</t>
    </rPh>
    <rPh sb="6" eb="8">
      <t>ケイサン</t>
    </rPh>
    <phoneticPr fontId="1"/>
  </si>
  <si>
    <t>構造図</t>
    <rPh sb="0" eb="3">
      <t>コウゾウズ</t>
    </rPh>
    <phoneticPr fontId="1"/>
  </si>
  <si>
    <t>等級２</t>
    <rPh sb="0" eb="2">
      <t>トウキュウ</t>
    </rPh>
    <phoneticPr fontId="1"/>
  </si>
  <si>
    <t>許容応力度計算（ルート１）</t>
    <rPh sb="0" eb="2">
      <t>キョヨウ</t>
    </rPh>
    <rPh sb="2" eb="4">
      <t>オウリョク</t>
    </rPh>
    <rPh sb="4" eb="5">
      <t>ド</t>
    </rPh>
    <rPh sb="5" eb="7">
      <t>ケイサン</t>
    </rPh>
    <phoneticPr fontId="1"/>
  </si>
  <si>
    <t>大臣認定書（基準法）の活用</t>
    <rPh sb="0" eb="2">
      <t>ダイジン</t>
    </rPh>
    <rPh sb="2" eb="4">
      <t>ニンテイ</t>
    </rPh>
    <rPh sb="4" eb="5">
      <t>ショ</t>
    </rPh>
    <rPh sb="6" eb="9">
      <t>キジュンホウ</t>
    </rPh>
    <rPh sb="11" eb="13">
      <t>カツヨウ</t>
    </rPh>
    <phoneticPr fontId="1"/>
  </si>
  <si>
    <t>限界耐力</t>
    <rPh sb="0" eb="4">
      <t>ゲンカイタイリョク</t>
    </rPh>
    <phoneticPr fontId="1"/>
  </si>
  <si>
    <t>各階の安全限界変形の基準に適合</t>
    <rPh sb="0" eb="2">
      <t>カクカイ</t>
    </rPh>
    <rPh sb="3" eb="5">
      <t>アンゼン</t>
    </rPh>
    <rPh sb="5" eb="7">
      <t>ゲンカイ</t>
    </rPh>
    <rPh sb="7" eb="9">
      <t>ヘンケイ</t>
    </rPh>
    <rPh sb="10" eb="12">
      <t>キジュン</t>
    </rPh>
    <rPh sb="13" eb="15">
      <t>テキゴウ</t>
    </rPh>
    <phoneticPr fontId="1"/>
  </si>
  <si>
    <t>計算</t>
    <rPh sb="0" eb="2">
      <t>ケイサン</t>
    </rPh>
    <phoneticPr fontId="1"/>
  </si>
  <si>
    <t>保有水平耐力</t>
    <rPh sb="0" eb="4">
      <t>ホユウスイヘイ</t>
    </rPh>
    <rPh sb="4" eb="6">
      <t>タイリョク</t>
    </rPh>
    <phoneticPr fontId="1"/>
  </si>
  <si>
    <t>等級１の基準に適合</t>
    <rPh sb="0" eb="2">
      <t>トウキュウ</t>
    </rPh>
    <rPh sb="4" eb="6">
      <t>キジュン</t>
    </rPh>
    <rPh sb="7" eb="9">
      <t>テキゴウ</t>
    </rPh>
    <phoneticPr fontId="1"/>
  </si>
  <si>
    <t>各階のDSの数値がRC造では0.3、SRC造では0.25であり、かつ極めて</t>
    <rPh sb="0" eb="2">
      <t>カクカイ</t>
    </rPh>
    <rPh sb="6" eb="8">
      <t>スウチ</t>
    </rPh>
    <rPh sb="11" eb="12">
      <t>ゾウ</t>
    </rPh>
    <rPh sb="21" eb="22">
      <t>ゾウ</t>
    </rPh>
    <phoneticPr fontId="1"/>
  </si>
  <si>
    <t>（RC造または</t>
    <rPh sb="3" eb="4">
      <t>ゾウ</t>
    </rPh>
    <phoneticPr fontId="1"/>
  </si>
  <si>
    <t>SRC造に限る）</t>
    <rPh sb="3" eb="4">
      <t>ゾウ</t>
    </rPh>
    <rPh sb="5" eb="6">
      <t>カギ</t>
    </rPh>
    <phoneticPr fontId="1"/>
  </si>
  <si>
    <t>各階のDSの数値がRC造では0.55、SRC造では0.5である</t>
    <rPh sb="0" eb="2">
      <t>カクカイ</t>
    </rPh>
    <rPh sb="6" eb="8">
      <t>スウチ</t>
    </rPh>
    <rPh sb="11" eb="12">
      <t>ゾウ</t>
    </rPh>
    <rPh sb="22" eb="23">
      <t>ゾウ</t>
    </rPh>
    <phoneticPr fontId="1"/>
  </si>
  <si>
    <t>免震</t>
    <rPh sb="0" eb="2">
      <t>メンシン</t>
    </rPh>
    <phoneticPr fontId="1"/>
  </si>
  <si>
    <t>免震建築物</t>
    <rPh sb="0" eb="4">
      <t>メンシンケンチク</t>
    </rPh>
    <rPh sb="4" eb="5">
      <t>ブツ</t>
    </rPh>
    <phoneticPr fontId="1"/>
  </si>
  <si>
    <t>免震建築物</t>
    <rPh sb="0" eb="5">
      <t>メンシンケンチクブツ</t>
    </rPh>
    <phoneticPr fontId="1"/>
  </si>
  <si>
    <t>平成12年建設省告示2009号第1第3号による規程</t>
    <rPh sb="23" eb="25">
      <t>キテイ</t>
    </rPh>
    <phoneticPr fontId="1"/>
  </si>
  <si>
    <t>同告示第２の該当する号</t>
    <rPh sb="0" eb="3">
      <t>ドウコクジ</t>
    </rPh>
    <rPh sb="3" eb="4">
      <t>ダイ</t>
    </rPh>
    <rPh sb="6" eb="8">
      <t>ガイトウ</t>
    </rPh>
    <rPh sb="10" eb="11">
      <t>ゴウ</t>
    </rPh>
    <phoneticPr fontId="1"/>
  </si>
  <si>
    <t>一号</t>
    <rPh sb="0" eb="2">
      <t>イチゴウ</t>
    </rPh>
    <phoneticPr fontId="1"/>
  </si>
  <si>
    <t>（四号建築物）</t>
    <rPh sb="1" eb="3">
      <t>ヨンゴウ</t>
    </rPh>
    <rPh sb="3" eb="6">
      <t>ケンチクブツ</t>
    </rPh>
    <phoneticPr fontId="1"/>
  </si>
  <si>
    <t>二号</t>
    <rPh sb="0" eb="1">
      <t>ニ</t>
    </rPh>
    <rPh sb="1" eb="2">
      <t>ゴウ</t>
    </rPh>
    <phoneticPr fontId="1"/>
  </si>
  <si>
    <t>（建築基準法20条第二号に掲げる建築物）</t>
    <phoneticPr fontId="1"/>
  </si>
  <si>
    <t>三号</t>
    <rPh sb="0" eb="1">
      <t>サン</t>
    </rPh>
    <rPh sb="1" eb="2">
      <t>ゴウ</t>
    </rPh>
    <phoneticPr fontId="1"/>
  </si>
  <si>
    <t>（時刻歴応答解析を行い大臣認定を取得）</t>
    <phoneticPr fontId="1"/>
  </si>
  <si>
    <t>免震層、免震材料の維持に関する計画</t>
    <rPh sb="0" eb="2">
      <t>メンシン</t>
    </rPh>
    <rPh sb="2" eb="3">
      <t>ソウ</t>
    </rPh>
    <rPh sb="4" eb="6">
      <t>メンシン</t>
    </rPh>
    <rPh sb="6" eb="8">
      <t>ザイリョウ</t>
    </rPh>
    <rPh sb="9" eb="11">
      <t>イジ</t>
    </rPh>
    <rPh sb="12" eb="13">
      <t>カン</t>
    </rPh>
    <rPh sb="15" eb="17">
      <t>ケイカク</t>
    </rPh>
    <phoneticPr fontId="1"/>
  </si>
  <si>
    <t>免震材料等の維持管理に関する計画</t>
    <rPh sb="0" eb="2">
      <t>メンシン</t>
    </rPh>
    <rPh sb="2" eb="4">
      <t>ザイリョウ</t>
    </rPh>
    <rPh sb="4" eb="5">
      <t>ナド</t>
    </rPh>
    <rPh sb="6" eb="8">
      <t>イジ</t>
    </rPh>
    <rPh sb="8" eb="10">
      <t>カンリ</t>
    </rPh>
    <rPh sb="11" eb="12">
      <t>カン</t>
    </rPh>
    <rPh sb="14" eb="16">
      <t>ケイカク</t>
    </rPh>
    <phoneticPr fontId="1"/>
  </si>
  <si>
    <t>地中埋設管</t>
    <rPh sb="0" eb="2">
      <t>チチュウ</t>
    </rPh>
    <rPh sb="2" eb="4">
      <t>マイセツ</t>
    </rPh>
    <rPh sb="4" eb="5">
      <t>クダ</t>
    </rPh>
    <phoneticPr fontId="1"/>
  </si>
  <si>
    <t>（等級３とする場合の例）</t>
    <phoneticPr fontId="1"/>
  </si>
  <si>
    <t>排水菅の性状等（継手及びヘッダーを含む）</t>
    <rPh sb="0" eb="2">
      <t>ハイスイ</t>
    </rPh>
    <rPh sb="2" eb="3">
      <t>カン</t>
    </rPh>
    <rPh sb="4" eb="6">
      <t>セイジョウ</t>
    </rPh>
    <phoneticPr fontId="1"/>
  </si>
  <si>
    <t>共用排水管のコンクリート内への埋め込み無し</t>
    <rPh sb="0" eb="5">
      <t>キョウヨウハイスイカン</t>
    </rPh>
    <rPh sb="12" eb="13">
      <t>ナイ</t>
    </rPh>
    <rPh sb="15" eb="16">
      <t>ウ</t>
    </rPh>
    <phoneticPr fontId="1"/>
  </si>
  <si>
    <t>内埋込み配管</t>
    <rPh sb="0" eb="1">
      <t>ウチ</t>
    </rPh>
    <rPh sb="1" eb="2">
      <t>ウ</t>
    </rPh>
    <phoneticPr fontId="1"/>
  </si>
  <si>
    <t>（モルタル、コンクリートブロックを含む）</t>
    <phoneticPr fontId="1"/>
  </si>
  <si>
    <t>埋設管上の</t>
    <rPh sb="0" eb="2">
      <t>マイセツ</t>
    </rPh>
    <phoneticPr fontId="1"/>
  </si>
  <si>
    <t>共用排水管上のコンクリート打設無し</t>
    <rPh sb="0" eb="5">
      <t>キョウヨウハイスイカン</t>
    </rPh>
    <rPh sb="5" eb="6">
      <t>ウエ</t>
    </rPh>
    <rPh sb="13" eb="14">
      <t>ダ</t>
    </rPh>
    <rPh sb="14" eb="15">
      <t>セツ</t>
    </rPh>
    <rPh sb="15" eb="16">
      <t>ナ</t>
    </rPh>
    <phoneticPr fontId="1"/>
  </si>
  <si>
    <t>ｺﾝｸﾘｰﾄ打設</t>
    <phoneticPr fontId="1"/>
  </si>
  <si>
    <t>有効幅員</t>
    <rPh sb="0" eb="4">
      <t>ユウコウフクイン</t>
    </rPh>
    <phoneticPr fontId="1"/>
  </si>
  <si>
    <t>評価方法</t>
    <rPh sb="0" eb="4">
      <t>ヒョウカホウホウ</t>
    </rPh>
    <phoneticPr fontId="1"/>
  </si>
  <si>
    <t>住棟評価（詳細は第三面にて記載）</t>
    <rPh sb="0" eb="2">
      <t>ジュウトウ</t>
    </rPh>
    <rPh sb="2" eb="4">
      <t>ヒョウカ</t>
    </rPh>
    <rPh sb="5" eb="7">
      <t>ショウサイ</t>
    </rPh>
    <rPh sb="8" eb="9">
      <t>ダイ</t>
    </rPh>
    <rPh sb="9" eb="11">
      <t>サンメン</t>
    </rPh>
    <rPh sb="13" eb="15">
      <t>キサイ</t>
    </rPh>
    <phoneticPr fontId="1"/>
  </si>
  <si>
    <t>単位住戸評価</t>
    <rPh sb="0" eb="4">
      <t>タンイジュウコ</t>
    </rPh>
    <rPh sb="4" eb="6">
      <t>ヒョウカ</t>
    </rPh>
    <phoneticPr fontId="1"/>
  </si>
  <si>
    <t>設計内容説明書【ＲＣ共同住宅等（住戸用）】</t>
    <rPh sb="16" eb="18">
      <t>ジュウコ</t>
    </rPh>
    <rPh sb="18" eb="19">
      <t>ヨウ</t>
    </rPh>
    <phoneticPr fontId="1"/>
  </si>
  <si>
    <t>住戸番号</t>
    <rPh sb="0" eb="4">
      <t>ジュウコバンゴウ</t>
    </rPh>
    <phoneticPr fontId="1"/>
  </si>
  <si>
    <t>mm以上)</t>
    <rPh sb="2" eb="4">
      <t>イジョウ</t>
    </rPh>
    <phoneticPr fontId="1"/>
  </si>
  <si>
    <t>矩形図</t>
    <phoneticPr fontId="1"/>
  </si>
  <si>
    <t>給水管、排水管及び給湯管のコンクリート内への</t>
    <rPh sb="0" eb="3">
      <t>キュウスイカン</t>
    </rPh>
    <rPh sb="4" eb="7">
      <t>ハイスイカン</t>
    </rPh>
    <rPh sb="7" eb="8">
      <t>オヨ</t>
    </rPh>
    <rPh sb="9" eb="12">
      <t>キュウトウカン</t>
    </rPh>
    <rPh sb="19" eb="20">
      <t>ナイ</t>
    </rPh>
    <phoneticPr fontId="1"/>
  </si>
  <si>
    <t>埋め込み無し（コンクリートブロックを含む）</t>
    <rPh sb="0" eb="1">
      <t>ウ</t>
    </rPh>
    <rPh sb="2" eb="3">
      <t>コ</t>
    </rPh>
    <rPh sb="4" eb="5">
      <t>ナ</t>
    </rPh>
    <rPh sb="18" eb="19">
      <t>フク</t>
    </rPh>
    <phoneticPr fontId="1"/>
  </si>
  <si>
    <t>設備図</t>
    <rPh sb="0" eb="3">
      <t>セツビズ</t>
    </rPh>
    <phoneticPr fontId="1"/>
  </si>
  <si>
    <t>設計内容説明書【ＲＣ共同住宅等（住戸用）】</t>
    <phoneticPr fontId="1"/>
  </si>
  <si>
    <t>維持保全計画書</t>
    <rPh sb="0" eb="4">
      <t>イジホゼン</t>
    </rPh>
    <rPh sb="4" eb="6">
      <t>ケイカク</t>
    </rPh>
    <rPh sb="6" eb="7">
      <t>ショ</t>
    </rPh>
    <phoneticPr fontId="1"/>
  </si>
  <si>
    <t>*</t>
    <phoneticPr fontId="1"/>
  </si>
  <si>
    <t>条例等の規定により凍結防止のための配管埋設が定められている</t>
    <rPh sb="0" eb="2">
      <t>ジョウレイ</t>
    </rPh>
    <rPh sb="2" eb="3">
      <t>トウ</t>
    </rPh>
    <rPh sb="4" eb="6">
      <t>キテイ</t>
    </rPh>
    <rPh sb="9" eb="11">
      <t>トウケツ</t>
    </rPh>
    <rPh sb="11" eb="13">
      <t>ボウシ</t>
    </rPh>
    <rPh sb="17" eb="19">
      <t>ハイカン</t>
    </rPh>
    <rPh sb="22" eb="23">
      <t>サダ</t>
    </rPh>
    <phoneticPr fontId="1"/>
  </si>
  <si>
    <t>※ この欄に記載されている事項は、必要な範囲内で、個別の申請において詳細に設定してください。</t>
    <phoneticPr fontId="1"/>
  </si>
  <si>
    <t>* 一戸建ての住宅の専用配管で床下から屋外へ接続する部分が基礎下に配管されているものは除く。</t>
    <phoneticPr fontId="1"/>
  </si>
  <si>
    <t xml:space="preserve">設計内容説明欄※ </t>
    <rPh sb="0" eb="2">
      <t>セッケイ</t>
    </rPh>
    <rPh sb="2" eb="4">
      <t>ナイヨウ</t>
    </rPh>
    <rPh sb="4" eb="6">
      <t>セツメイ</t>
    </rPh>
    <rPh sb="6" eb="7">
      <t>ラン</t>
    </rPh>
    <phoneticPr fontId="1"/>
  </si>
  <si>
    <t>開口有</t>
    <rPh sb="2" eb="3">
      <t>ア</t>
    </rPh>
    <phoneticPr fontId="1"/>
  </si>
  <si>
    <t>設計内容
確認欄</t>
    <rPh sb="0" eb="2">
      <t>セッケイ</t>
    </rPh>
    <rPh sb="2" eb="4">
      <t>ナイヨウ</t>
    </rPh>
    <rPh sb="5" eb="8">
      <t>カクニンラン</t>
    </rPh>
    <phoneticPr fontId="1"/>
  </si>
  <si>
    <t>設計内容
確認欄</t>
    <rPh sb="0" eb="4">
      <t>セッケイナイヨウ</t>
    </rPh>
    <rPh sb="5" eb="8">
      <t>カクニンラン</t>
    </rPh>
    <phoneticPr fontId="20"/>
  </si>
  <si>
    <t>建築士番号</t>
    <rPh sb="0" eb="3">
      <t>ケンチクシ</t>
    </rPh>
    <rPh sb="3" eb="5">
      <t>バンゴウ</t>
    </rPh>
    <phoneticPr fontId="20"/>
  </si>
  <si>
    <t>構造耐力に大きく影響すると見込まれる劣化事象等が認められたが</t>
    <phoneticPr fontId="1"/>
  </si>
  <si>
    <t>補修を行う</t>
    <rPh sb="0" eb="2">
      <t>ホシュウ</t>
    </rPh>
    <rPh sb="3" eb="4">
      <t>オコナ</t>
    </rPh>
    <phoneticPr fontId="1"/>
  </si>
  <si>
    <t>エネルギー利用効率化設備等のうち作動しないものがあるが</t>
    <rPh sb="5" eb="7">
      <t>リヨウ</t>
    </rPh>
    <rPh sb="7" eb="10">
      <t>コウリツカ</t>
    </rPh>
    <rPh sb="10" eb="12">
      <t>セツビ</t>
    </rPh>
    <rPh sb="12" eb="13">
      <t>トウ</t>
    </rPh>
    <rPh sb="16" eb="18">
      <t>サドウ</t>
    </rPh>
    <phoneticPr fontId="1"/>
  </si>
  <si>
    <t>断熱等の性能に大きく影響すると見込まれる劣化事象等が認められるが</t>
    <rPh sb="0" eb="3">
      <t>ダンネツナド</t>
    </rPh>
    <rPh sb="4" eb="6">
      <t>セイノウ</t>
    </rPh>
    <rPh sb="7" eb="8">
      <t>オオ</t>
    </rPh>
    <rPh sb="10" eb="12">
      <t>エイキョウ</t>
    </rPh>
    <rPh sb="15" eb="17">
      <t>ミコ</t>
    </rPh>
    <rPh sb="20" eb="22">
      <t>レッカ</t>
    </rPh>
    <rPh sb="22" eb="24">
      <t>ジショウ</t>
    </rPh>
    <rPh sb="24" eb="25">
      <t>トウ</t>
    </rPh>
    <rPh sb="26" eb="27">
      <t>ミト</t>
    </rPh>
    <phoneticPr fontId="1"/>
  </si>
  <si>
    <t>同第３の６（４）③後段の基準（評価方法基準第５の５の５－２（４）イ②に掲げる基準に限る）を含む。</t>
    <rPh sb="15" eb="21">
      <t>ヒョウカホウホウキジュン</t>
    </rPh>
    <rPh sb="21" eb="22">
      <t>ダイ</t>
    </rPh>
    <rPh sb="35" eb="36">
      <t>カカ</t>
    </rPh>
    <rPh sb="38" eb="40">
      <t>キジュン</t>
    </rPh>
    <rPh sb="41" eb="42">
      <t>カギ</t>
    </rPh>
    <rPh sb="45" eb="46">
      <t>フク</t>
    </rPh>
    <phoneticPr fontId="1"/>
  </si>
  <si>
    <t>稀に発生する地震力による応答変位の当該階高さに対する割合が1/75以下</t>
    <rPh sb="2" eb="4">
      <t>ハッセイ</t>
    </rPh>
    <rPh sb="6" eb="8">
      <t>ジシン</t>
    </rPh>
    <rPh sb="8" eb="9">
      <t>リョク</t>
    </rPh>
    <rPh sb="12" eb="16">
      <t>オウトウヘンイ</t>
    </rPh>
    <rPh sb="17" eb="19">
      <t>トウガイ</t>
    </rPh>
    <rPh sb="19" eb="20">
      <t>カイ</t>
    </rPh>
    <rPh sb="20" eb="21">
      <t>タカ</t>
    </rPh>
    <rPh sb="23" eb="24">
      <t>タイ</t>
    </rPh>
    <rPh sb="26" eb="28">
      <t>ワリアイ</t>
    </rPh>
    <rPh sb="33" eb="35">
      <t>イカ</t>
    </rPh>
    <phoneticPr fontId="1"/>
  </si>
  <si>
    <t>住宅仕様基準</t>
    <rPh sb="0" eb="2">
      <t>ジュウタク</t>
    </rPh>
    <rPh sb="2" eb="6">
      <t>シヨウキジュン</t>
    </rPh>
    <phoneticPr fontId="1"/>
  </si>
  <si>
    <r>
      <t>劣化事象等</t>
    </r>
    <r>
      <rPr>
        <vertAlign val="superscript"/>
        <sz val="9"/>
        <color rgb="FF000000"/>
        <rFont val="ＭＳ Ｐ明朝"/>
        <family val="1"/>
        <charset val="128"/>
      </rPr>
      <t>※</t>
    </r>
    <r>
      <rPr>
        <sz val="9"/>
        <color indexed="8"/>
        <rFont val="ＭＳ Ｐ明朝"/>
        <family val="1"/>
        <charset val="128"/>
      </rPr>
      <t>が認められない</t>
    </r>
    <phoneticPr fontId="1"/>
  </si>
  <si>
    <t>外気に接する部分</t>
    <rPh sb="0" eb="2">
      <t>ガイキ</t>
    </rPh>
    <rPh sb="3" eb="4">
      <t>セッ</t>
    </rPh>
    <rPh sb="6" eb="8">
      <t>ブブン</t>
    </rPh>
    <phoneticPr fontId="20"/>
  </si>
  <si>
    <t>その他の部分</t>
    <rPh sb="2" eb="3">
      <t>タ</t>
    </rPh>
    <rPh sb="4" eb="6">
      <t>ブブン</t>
    </rPh>
    <phoneticPr fontId="20"/>
  </si>
  <si>
    <t>（</t>
    <phoneticPr fontId="20"/>
  </si>
  <si>
    <t>）</t>
    <phoneticPr fontId="20"/>
  </si>
  <si>
    <t>土間床等の概数部　外気に接する部分（</t>
    <rPh sb="0" eb="4">
      <t>ドマユカトウ</t>
    </rPh>
    <rPh sb="5" eb="8">
      <t>ガイスウブ</t>
    </rPh>
    <rPh sb="9" eb="11">
      <t>ガイキ</t>
    </rPh>
    <rPh sb="12" eb="13">
      <t>セッ</t>
    </rPh>
    <rPh sb="15" eb="17">
      <t>ブブン</t>
    </rPh>
    <phoneticPr fontId="20"/>
  </si>
  <si>
    <t>断熱材の</t>
    <rPh sb="0" eb="3">
      <t>ダンネツザイ</t>
    </rPh>
    <phoneticPr fontId="20"/>
  </si>
  <si>
    <t>種類と厚さ</t>
    <rPh sb="0" eb="2">
      <t>シュルイ</t>
    </rPh>
    <rPh sb="3" eb="4">
      <t>アツ</t>
    </rPh>
    <phoneticPr fontId="20"/>
  </si>
  <si>
    <t>窓・ドア等の</t>
    <rPh sb="0" eb="1">
      <t>マド</t>
    </rPh>
    <rPh sb="4" eb="5">
      <t>トウ</t>
    </rPh>
    <phoneticPr fontId="20"/>
  </si>
  <si>
    <t>断熱性</t>
    <rPh sb="0" eb="3">
      <t>ダンネツセイ</t>
    </rPh>
    <phoneticPr fontId="20"/>
  </si>
  <si>
    <t>建具・ドア枠の材質・形状</t>
    <rPh sb="0" eb="2">
      <t>タテグ</t>
    </rPh>
    <rPh sb="5" eb="6">
      <t>ワク</t>
    </rPh>
    <rPh sb="7" eb="9">
      <t>ザイシツ</t>
    </rPh>
    <rPh sb="10" eb="12">
      <t>ケイジョウ</t>
    </rPh>
    <phoneticPr fontId="20"/>
  </si>
  <si>
    <t>建具形態</t>
    <rPh sb="0" eb="2">
      <t>タテグ</t>
    </rPh>
    <rPh sb="2" eb="4">
      <t>ケイタイ</t>
    </rPh>
    <phoneticPr fontId="20"/>
  </si>
  <si>
    <t>ガラスの種類・構成等</t>
    <rPh sb="4" eb="6">
      <t>シュルイ</t>
    </rPh>
    <rPh sb="7" eb="9">
      <t>コウセイ</t>
    </rPh>
    <rPh sb="9" eb="10">
      <t>トウ</t>
    </rPh>
    <phoneticPr fontId="20"/>
  </si>
  <si>
    <t>日射遮蔽措置</t>
    <rPh sb="0" eb="2">
      <t>ニッシャ</t>
    </rPh>
    <rPh sb="2" eb="4">
      <t>シャヘイ</t>
    </rPh>
    <rPh sb="4" eb="6">
      <t>ソチ</t>
    </rPh>
    <phoneticPr fontId="20"/>
  </si>
  <si>
    <t>方位</t>
    <rPh sb="0" eb="2">
      <t>ホウイ</t>
    </rPh>
    <phoneticPr fontId="20"/>
  </si>
  <si>
    <t>ガラスの日射侵入率等</t>
    <rPh sb="4" eb="9">
      <t>ニッシャシンニュウリツ</t>
    </rPh>
    <rPh sb="9" eb="10">
      <t>トウ</t>
    </rPh>
    <phoneticPr fontId="20"/>
  </si>
  <si>
    <t>庇・軒・付属部材等</t>
    <rPh sb="0" eb="1">
      <t>ヒサシ</t>
    </rPh>
    <rPh sb="2" eb="3">
      <t>ノキ</t>
    </rPh>
    <rPh sb="4" eb="6">
      <t>フゾク</t>
    </rPh>
    <rPh sb="6" eb="8">
      <t>ブザイ</t>
    </rPh>
    <rPh sb="8" eb="9">
      <t>トウ</t>
    </rPh>
    <phoneticPr fontId="20"/>
  </si>
  <si>
    <t>【非住宅･住宅</t>
    <rPh sb="1" eb="2">
      <t>ヒ</t>
    </rPh>
    <rPh sb="2" eb="4">
      <t>ジュウタク</t>
    </rPh>
    <rPh sb="5" eb="7">
      <t>ジュウタク</t>
    </rPh>
    <phoneticPr fontId="1"/>
  </si>
  <si>
    <t>算出方法を</t>
    <rPh sb="0" eb="2">
      <t>サンシュツ</t>
    </rPh>
    <rPh sb="2" eb="4">
      <t>ホウホウ</t>
    </rPh>
    <phoneticPr fontId="20"/>
  </si>
  <si>
    <t>適用する場合】</t>
    <rPh sb="0" eb="2">
      <t>テキヨウ</t>
    </rPh>
    <rPh sb="4" eb="6">
      <t>バアイ</t>
    </rPh>
    <phoneticPr fontId="20"/>
  </si>
  <si>
    <t>外皮平均熱貫流率（UA値）の基準に適合</t>
    <phoneticPr fontId="20"/>
  </si>
  <si>
    <t>【住宅仕様基</t>
    <rPh sb="1" eb="3">
      <t>ジュウタク</t>
    </rPh>
    <rPh sb="3" eb="5">
      <t>シヨウ</t>
    </rPh>
    <rPh sb="5" eb="6">
      <t>モト</t>
    </rPh>
    <phoneticPr fontId="1"/>
  </si>
  <si>
    <t>準を適用</t>
    <rPh sb="2" eb="4">
      <t>テキヨウ</t>
    </rPh>
    <phoneticPr fontId="20"/>
  </si>
  <si>
    <t>する場合】</t>
    <phoneticPr fontId="20"/>
  </si>
  <si>
    <t>熱貫流率の基準に適合</t>
    <rPh sb="0" eb="4">
      <t>ネツカンリュウリツ</t>
    </rPh>
    <rPh sb="5" eb="7">
      <t>キジュン</t>
    </rPh>
    <rPh sb="8" eb="10">
      <t>テキゴウ</t>
    </rPh>
    <phoneticPr fontId="20"/>
  </si>
  <si>
    <t>断熱材の熱抵抗の基準に適合</t>
    <rPh sb="0" eb="3">
      <t>ダンネツザイ</t>
    </rPh>
    <rPh sb="4" eb="5">
      <t>ネツ</t>
    </rPh>
    <rPh sb="5" eb="7">
      <t>テイコウ</t>
    </rPh>
    <rPh sb="8" eb="10">
      <t>キジュン</t>
    </rPh>
    <rPh sb="11" eb="13">
      <t>テキゴウ</t>
    </rPh>
    <phoneticPr fontId="20"/>
  </si>
  <si>
    <t>開口部比率の区分</t>
    <rPh sb="0" eb="3">
      <t>カイコウブ</t>
    </rPh>
    <rPh sb="3" eb="5">
      <t>ヒリツ</t>
    </rPh>
    <rPh sb="6" eb="8">
      <t>クブン</t>
    </rPh>
    <phoneticPr fontId="20"/>
  </si>
  <si>
    <t>区分（い）</t>
    <rPh sb="0" eb="2">
      <t>クブン</t>
    </rPh>
    <phoneticPr fontId="20"/>
  </si>
  <si>
    <t>区分（ろ）</t>
    <rPh sb="0" eb="2">
      <t>クブン</t>
    </rPh>
    <phoneticPr fontId="20"/>
  </si>
  <si>
    <t>区分（は）</t>
    <rPh sb="0" eb="2">
      <t>クブン</t>
    </rPh>
    <phoneticPr fontId="20"/>
  </si>
  <si>
    <t>区分（に）</t>
    <rPh sb="0" eb="2">
      <t>クブン</t>
    </rPh>
    <phoneticPr fontId="20"/>
  </si>
  <si>
    <t>緩和措置有り</t>
    <rPh sb="0" eb="4">
      <t>カンワソチ</t>
    </rPh>
    <rPh sb="4" eb="5">
      <t>ア</t>
    </rPh>
    <phoneticPr fontId="20"/>
  </si>
  <si>
    <t>窓の断熱（２％緩和）</t>
    <rPh sb="0" eb="1">
      <t>マド</t>
    </rPh>
    <rPh sb="2" eb="4">
      <t>ダンネツ</t>
    </rPh>
    <rPh sb="7" eb="9">
      <t>カンワ</t>
    </rPh>
    <phoneticPr fontId="20"/>
  </si>
  <si>
    <t>窓の日射（４％緩和）</t>
    <rPh sb="0" eb="1">
      <t>マド</t>
    </rPh>
    <rPh sb="2" eb="4">
      <t>ニッシャ</t>
    </rPh>
    <rPh sb="7" eb="9">
      <t>カンワ</t>
    </rPh>
    <phoneticPr fontId="20"/>
  </si>
  <si>
    <t>非住宅･住宅計算方法</t>
    <rPh sb="0" eb="1">
      <t>ヒ</t>
    </rPh>
    <rPh sb="1" eb="3">
      <t>ジュウタク</t>
    </rPh>
    <phoneticPr fontId="1"/>
  </si>
  <si>
    <t>別記様式第4号(第９条関係）　令和４年９月30日までに新築した住宅</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44" x14ac:knownFonts="1">
    <font>
      <sz val="11"/>
      <color theme="1"/>
      <name val="ＭＳ Ｐゴシック"/>
      <family val="3"/>
      <charset val="128"/>
      <scheme val="minor"/>
    </font>
    <font>
      <sz val="6"/>
      <name val="ＭＳ Ｐゴシック"/>
      <family val="3"/>
      <charset val="128"/>
    </font>
    <font>
      <sz val="11"/>
      <name val="ＭＳ Ｐゴシック"/>
      <family val="3"/>
      <charset val="128"/>
    </font>
    <font>
      <b/>
      <sz val="12"/>
      <name val="ＭＳ Ｐゴシック"/>
      <family val="3"/>
      <charset val="128"/>
    </font>
    <font>
      <sz val="9"/>
      <name val="ＭＳ Ｐ明朝"/>
      <family val="1"/>
      <charset val="128"/>
    </font>
    <font>
      <sz val="10"/>
      <name val="ＭＳ Ｐ明朝"/>
      <family val="1"/>
      <charset val="128"/>
    </font>
    <font>
      <sz val="6"/>
      <name val="ＭＳ Ｐゴシック"/>
      <family val="3"/>
      <charset val="128"/>
    </font>
    <font>
      <sz val="11"/>
      <name val="ＭＳ Ｐ明朝"/>
      <family val="1"/>
      <charset val="128"/>
    </font>
    <font>
      <sz val="9.5"/>
      <name val="ＭＳ Ｐ明朝"/>
      <family val="1"/>
      <charset val="128"/>
    </font>
    <font>
      <sz val="10"/>
      <color indexed="8"/>
      <name val="ＭＳ Ｐゴシック"/>
      <family val="3"/>
      <charset val="128"/>
    </font>
    <font>
      <sz val="12"/>
      <name val="ＭＳ Ｐ明朝"/>
      <family val="1"/>
      <charset val="128"/>
    </font>
    <font>
      <sz val="6"/>
      <name val="ＭＳ Ｐゴシック"/>
      <family val="3"/>
      <charset val="128"/>
    </font>
    <font>
      <i/>
      <sz val="9"/>
      <name val="ＭＳ Ｐ明朝"/>
      <family val="1"/>
      <charset val="128"/>
    </font>
    <font>
      <i/>
      <sz val="10"/>
      <name val="ＭＳ Ｐ明朝"/>
      <family val="1"/>
      <charset val="128"/>
    </font>
    <font>
      <sz val="10"/>
      <name val="ＭＳ Ｐゴシック"/>
      <family val="3"/>
      <charset val="128"/>
    </font>
    <font>
      <i/>
      <sz val="10"/>
      <name val="ＭＳ Ｐゴシック"/>
      <family val="3"/>
      <charset val="128"/>
    </font>
    <font>
      <sz val="11"/>
      <color theme="1"/>
      <name val="ＭＳ Ｐゴシック"/>
      <family val="3"/>
      <charset val="128"/>
      <scheme val="minor"/>
    </font>
    <font>
      <sz val="11"/>
      <name val="ＭＳ Ｐゴシック"/>
      <family val="3"/>
      <charset val="128"/>
      <scheme val="minor"/>
    </font>
    <font>
      <b/>
      <i/>
      <sz val="9.5"/>
      <color rgb="FFFF0000"/>
      <name val="ＭＳ Ｐゴシック"/>
      <family val="3"/>
      <charset val="128"/>
    </font>
    <font>
      <b/>
      <sz val="10"/>
      <name val="ＭＳ Ｐ明朝"/>
      <family val="1"/>
      <charset val="128"/>
    </font>
    <font>
      <sz val="6"/>
      <name val="ＭＳ Ｐゴシック"/>
      <family val="3"/>
      <charset val="128"/>
      <scheme val="minor"/>
    </font>
    <font>
      <b/>
      <sz val="12"/>
      <color theme="1"/>
      <name val="ＭＳ Ｐ明朝"/>
      <family val="1"/>
      <charset val="128"/>
    </font>
    <font>
      <sz val="11"/>
      <color theme="1"/>
      <name val="ＭＳ Ｐ明朝"/>
      <family val="1"/>
      <charset val="128"/>
    </font>
    <font>
      <sz val="10"/>
      <color theme="1"/>
      <name val="ＭＳ Ｐ明朝"/>
      <family val="1"/>
      <charset val="128"/>
    </font>
    <font>
      <sz val="9.5"/>
      <color theme="1"/>
      <name val="ＭＳ Ｐ明朝"/>
      <family val="1"/>
      <charset val="128"/>
    </font>
    <font>
      <sz val="9"/>
      <color theme="1"/>
      <name val="ＭＳ Ｐ明朝"/>
      <family val="1"/>
      <charset val="128"/>
    </font>
    <font>
      <sz val="12"/>
      <color theme="1"/>
      <name val="ＭＳ Ｐ明朝"/>
      <family val="1"/>
      <charset val="128"/>
    </font>
    <font>
      <b/>
      <sz val="9"/>
      <color theme="1"/>
      <name val="ＭＳ Ｐ明朝"/>
      <family val="1"/>
      <charset val="128"/>
    </font>
    <font>
      <sz val="8"/>
      <color theme="1"/>
      <name val="ＭＳ Ｐ明朝"/>
      <family val="1"/>
      <charset val="128"/>
    </font>
    <font>
      <sz val="7"/>
      <color theme="1"/>
      <name val="ＭＳ Ｐ明朝"/>
      <family val="1"/>
      <charset val="128"/>
    </font>
    <font>
      <b/>
      <sz val="11"/>
      <color theme="1"/>
      <name val="ＭＳ Ｐ明朝"/>
      <family val="1"/>
      <charset val="128"/>
    </font>
    <font>
      <u/>
      <sz val="9"/>
      <color theme="1"/>
      <name val="ＭＳ Ｐ明朝"/>
      <family val="1"/>
      <charset val="128"/>
    </font>
    <font>
      <sz val="6"/>
      <color theme="1"/>
      <name val="ＭＳ Ｐ明朝"/>
      <family val="1"/>
      <charset val="128"/>
    </font>
    <font>
      <sz val="8.5"/>
      <color theme="1"/>
      <name val="ＭＳ Ｐ明朝"/>
      <family val="1"/>
      <charset val="128"/>
    </font>
    <font>
      <vertAlign val="subscript"/>
      <sz val="9"/>
      <color theme="1"/>
      <name val="ＭＳ Ｐ明朝"/>
      <family val="1"/>
      <charset val="128"/>
    </font>
    <font>
      <vertAlign val="superscript"/>
      <sz val="9"/>
      <color theme="1"/>
      <name val="ＭＳ Ｐ明朝"/>
      <family val="1"/>
      <charset val="128"/>
    </font>
    <font>
      <sz val="11"/>
      <color indexed="8"/>
      <name val="ＭＳ Ｐゴシック"/>
      <family val="3"/>
      <charset val="128"/>
    </font>
    <font>
      <b/>
      <sz val="9"/>
      <name val="ＭＳ Ｐ明朝"/>
      <family val="1"/>
      <charset val="128"/>
    </font>
    <font>
      <sz val="10"/>
      <color theme="1"/>
      <name val="ＭＳ Ｐゴシック"/>
      <family val="3"/>
      <charset val="128"/>
    </font>
    <font>
      <sz val="12"/>
      <color theme="1"/>
      <name val="ＭＳ Ｐゴシック"/>
      <family val="3"/>
      <charset val="128"/>
    </font>
    <font>
      <b/>
      <sz val="12"/>
      <color theme="1"/>
      <name val="ＭＳ Ｐゴシック"/>
      <family val="3"/>
      <charset val="128"/>
    </font>
    <font>
      <sz val="9"/>
      <color indexed="8"/>
      <name val="ＭＳ Ｐ明朝"/>
      <family val="1"/>
      <charset val="128"/>
    </font>
    <font>
      <vertAlign val="superscript"/>
      <sz val="9"/>
      <color rgb="FF000000"/>
      <name val="ＭＳ Ｐ明朝"/>
      <family val="1"/>
      <charset val="128"/>
    </font>
    <font>
      <sz val="12"/>
      <color indexed="8"/>
      <name val="ＭＳ 明朝"/>
      <family val="1"/>
      <charset val="128"/>
    </font>
  </fonts>
  <fills count="2">
    <fill>
      <patternFill patternType="none"/>
    </fill>
    <fill>
      <patternFill patternType="gray125"/>
    </fill>
  </fills>
  <borders count="42">
    <border>
      <left/>
      <right/>
      <top/>
      <bottom/>
      <diagonal/>
    </border>
    <border>
      <left/>
      <right style="thin">
        <color indexed="64"/>
      </right>
      <top/>
      <bottom/>
      <diagonal/>
    </border>
    <border>
      <left style="thin">
        <color indexed="64"/>
      </left>
      <right/>
      <top/>
      <bottom/>
      <diagonal/>
    </border>
    <border>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dashed">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dashed">
        <color indexed="64"/>
      </left>
      <right/>
      <top/>
      <bottom/>
      <diagonal/>
    </border>
    <border>
      <left style="dashed">
        <color indexed="64"/>
      </left>
      <right/>
      <top/>
      <bottom style="thin">
        <color indexed="64"/>
      </bottom>
      <diagonal/>
    </border>
    <border>
      <left/>
      <right style="dashed">
        <color indexed="64"/>
      </right>
      <top/>
      <bottom/>
      <diagonal/>
    </border>
    <border>
      <left/>
      <right style="dashed">
        <color indexed="64"/>
      </right>
      <top/>
      <bottom style="thin">
        <color indexed="64"/>
      </bottom>
      <diagonal/>
    </border>
    <border>
      <left style="medium">
        <color indexed="64"/>
      </left>
      <right/>
      <top/>
      <bottom/>
      <diagonal/>
    </border>
    <border>
      <left/>
      <right/>
      <top style="thin">
        <color indexed="64"/>
      </top>
      <bottom style="dotted">
        <color indexed="64"/>
      </bottom>
      <diagonal/>
    </border>
    <border>
      <left style="dotted">
        <color indexed="64"/>
      </left>
      <right/>
      <top style="dotted">
        <color indexed="64"/>
      </top>
      <bottom/>
      <diagonal/>
    </border>
    <border>
      <left/>
      <right/>
      <top style="dotted">
        <color indexed="64"/>
      </top>
      <bottom/>
      <diagonal/>
    </border>
    <border>
      <left style="thin">
        <color indexed="64"/>
      </left>
      <right style="dotted">
        <color indexed="64"/>
      </right>
      <top/>
      <bottom style="thin">
        <color indexed="64"/>
      </bottom>
      <diagonal/>
    </border>
    <border>
      <left/>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style="dotted">
        <color indexed="64"/>
      </bottom>
      <diagonal/>
    </border>
    <border>
      <left style="thin">
        <color indexed="64"/>
      </left>
      <right style="dotted">
        <color indexed="64"/>
      </right>
      <top/>
      <bottom/>
      <diagonal/>
    </border>
    <border>
      <left style="dotted">
        <color indexed="64"/>
      </left>
      <right/>
      <top/>
      <bottom style="dotted">
        <color indexed="64"/>
      </bottom>
      <diagonal/>
    </border>
    <border>
      <left/>
      <right style="thin">
        <color indexed="64"/>
      </right>
      <top/>
      <bottom style="dotted">
        <color indexed="64"/>
      </bottom>
      <diagonal/>
    </border>
    <border>
      <left style="dotted">
        <color indexed="64"/>
      </left>
      <right/>
      <top/>
      <bottom/>
      <diagonal/>
    </border>
    <border>
      <left/>
      <right style="thin">
        <color indexed="64"/>
      </right>
      <top style="dotted">
        <color indexed="64"/>
      </top>
      <bottom style="thin">
        <color indexed="64"/>
      </bottom>
      <diagonal/>
    </border>
    <border>
      <left style="thin">
        <color indexed="64"/>
      </left>
      <right/>
      <top/>
      <bottom style="dotted">
        <color indexed="64"/>
      </bottom>
      <diagonal/>
    </border>
    <border>
      <left/>
      <right/>
      <top/>
      <bottom style="hair">
        <color indexed="64"/>
      </bottom>
      <diagonal/>
    </border>
    <border>
      <left style="dotted">
        <color indexed="64"/>
      </left>
      <right/>
      <top/>
      <bottom style="thin">
        <color indexed="64"/>
      </bottom>
      <diagonal/>
    </border>
    <border>
      <left style="thin">
        <color indexed="64"/>
      </left>
      <right/>
      <top style="dotted">
        <color indexed="64"/>
      </top>
      <bottom/>
      <diagonal/>
    </border>
    <border>
      <left/>
      <right style="thin">
        <color indexed="64"/>
      </right>
      <top style="dotted">
        <color indexed="64"/>
      </top>
      <bottom/>
      <diagonal/>
    </border>
    <border>
      <left style="thin">
        <color indexed="64"/>
      </left>
      <right/>
      <top style="thin">
        <color indexed="64"/>
      </top>
      <bottom style="dotted">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auto="1"/>
      </left>
      <right style="thin">
        <color auto="1"/>
      </right>
      <top style="thin">
        <color auto="1"/>
      </top>
      <bottom style="thin">
        <color auto="1"/>
      </bottom>
      <diagonal/>
    </border>
  </borders>
  <cellStyleXfs count="4">
    <xf numFmtId="0" fontId="0" fillId="0" borderId="0">
      <alignment vertical="center"/>
    </xf>
    <xf numFmtId="0" fontId="2" fillId="0" borderId="0"/>
    <xf numFmtId="0" fontId="16" fillId="0" borderId="0">
      <alignment vertical="center"/>
    </xf>
    <xf numFmtId="0" fontId="36" fillId="0" borderId="0">
      <alignment vertical="center"/>
    </xf>
  </cellStyleXfs>
  <cellXfs count="633">
    <xf numFmtId="0" fontId="0" fillId="0" borderId="0" xfId="0">
      <alignment vertical="center"/>
    </xf>
    <xf numFmtId="0" fontId="4" fillId="0" borderId="0" xfId="0" applyFont="1">
      <alignment vertical="center"/>
    </xf>
    <xf numFmtId="0" fontId="4" fillId="0" borderId="5" xfId="0" applyFont="1" applyBorder="1">
      <alignment vertical="center"/>
    </xf>
    <xf numFmtId="0" fontId="4" fillId="0" borderId="3" xfId="0" applyFont="1" applyBorder="1">
      <alignment vertical="center"/>
    </xf>
    <xf numFmtId="0" fontId="9" fillId="0" borderId="0" xfId="0" applyFont="1">
      <alignment vertical="center"/>
    </xf>
    <xf numFmtId="0" fontId="10" fillId="0" borderId="5" xfId="0" applyFont="1" applyBorder="1" applyAlignment="1">
      <alignment horizontal="center" vertical="center"/>
    </xf>
    <xf numFmtId="0" fontId="14" fillId="0" borderId="0" xfId="0" applyFont="1">
      <alignment vertical="center"/>
    </xf>
    <xf numFmtId="0" fontId="8" fillId="0" borderId="9" xfId="0" applyFont="1" applyBorder="1" applyAlignment="1">
      <alignment horizontal="center" vertical="center"/>
    </xf>
    <xf numFmtId="0" fontId="4" fillId="0" borderId="5" xfId="0" applyFont="1" applyBorder="1" applyAlignment="1">
      <alignment vertical="center" wrapText="1"/>
    </xf>
    <xf numFmtId="0" fontId="4" fillId="0" borderId="3" xfId="0" applyFont="1" applyBorder="1" applyAlignment="1">
      <alignment vertical="center" wrapText="1"/>
    </xf>
    <xf numFmtId="0" fontId="4" fillId="0" borderId="3" xfId="0" applyFont="1" applyBorder="1" applyAlignment="1">
      <alignment horizontal="left" vertical="center"/>
    </xf>
    <xf numFmtId="0" fontId="4" fillId="0" borderId="9" xfId="0" applyFont="1" applyBorder="1" applyAlignment="1">
      <alignment horizontal="center" vertical="center"/>
    </xf>
    <xf numFmtId="0" fontId="5" fillId="0" borderId="9" xfId="0" applyFont="1" applyBorder="1" applyAlignment="1">
      <alignment horizontal="left" vertical="center"/>
    </xf>
    <xf numFmtId="0" fontId="3" fillId="0" borderId="0" xfId="0" applyFont="1">
      <alignment vertical="center"/>
    </xf>
    <xf numFmtId="0" fontId="7" fillId="0" borderId="0" xfId="0" applyFont="1" applyAlignment="1"/>
    <xf numFmtId="0" fontId="7" fillId="0" borderId="0" xfId="0" applyFont="1" applyAlignment="1">
      <alignment horizontal="center"/>
    </xf>
    <xf numFmtId="0" fontId="7" fillId="0" borderId="0" xfId="0" applyFont="1" applyAlignment="1">
      <alignment horizontal="right" vertical="top"/>
    </xf>
    <xf numFmtId="0" fontId="5" fillId="0" borderId="0" xfId="0" applyFont="1">
      <alignment vertical="center"/>
    </xf>
    <xf numFmtId="0" fontId="4" fillId="0" borderId="11" xfId="0" applyFont="1" applyBorder="1">
      <alignment vertical="center"/>
    </xf>
    <xf numFmtId="0" fontId="4" fillId="0" borderId="9" xfId="0" applyFont="1" applyBorder="1">
      <alignment vertical="center"/>
    </xf>
    <xf numFmtId="0" fontId="14" fillId="0" borderId="8" xfId="0" applyFont="1" applyBorder="1">
      <alignment vertical="center"/>
    </xf>
    <xf numFmtId="0" fontId="14" fillId="0" borderId="6" xfId="0" applyFont="1" applyBorder="1">
      <alignment vertical="center"/>
    </xf>
    <xf numFmtId="0" fontId="14" fillId="0" borderId="3" xfId="0" applyFont="1" applyBorder="1">
      <alignment vertical="center"/>
    </xf>
    <xf numFmtId="0" fontId="17" fillId="0" borderId="4" xfId="0" applyFont="1" applyBorder="1">
      <alignment vertical="center"/>
    </xf>
    <xf numFmtId="0" fontId="14" fillId="0" borderId="5" xfId="0" applyFont="1" applyBorder="1">
      <alignment vertical="center"/>
    </xf>
    <xf numFmtId="0" fontId="17" fillId="0" borderId="5" xfId="0" applyFont="1" applyBorder="1">
      <alignment vertical="center"/>
    </xf>
    <xf numFmtId="0" fontId="14" fillId="0" borderId="3" xfId="0" applyFont="1" applyBorder="1" applyAlignment="1">
      <alignment horizontal="center" vertical="center"/>
    </xf>
    <xf numFmtId="0" fontId="17" fillId="0" borderId="2" xfId="0" applyFont="1" applyBorder="1">
      <alignment vertical="center"/>
    </xf>
    <xf numFmtId="0" fontId="14" fillId="0" borderId="5" xfId="0" applyFont="1" applyBorder="1" applyAlignment="1">
      <alignment horizontal="center" vertical="center"/>
    </xf>
    <xf numFmtId="0" fontId="19" fillId="0" borderId="0" xfId="0" applyFont="1">
      <alignment vertical="center"/>
    </xf>
    <xf numFmtId="0" fontId="4" fillId="0" borderId="10" xfId="0" applyFont="1" applyBorder="1">
      <alignment vertical="center"/>
    </xf>
    <xf numFmtId="0" fontId="14" fillId="0" borderId="10" xfId="0" applyFont="1" applyBorder="1">
      <alignment vertical="center"/>
    </xf>
    <xf numFmtId="0" fontId="7" fillId="0" borderId="9" xfId="0" applyFont="1" applyBorder="1" applyAlignment="1">
      <alignment horizontal="center" vertical="center"/>
    </xf>
    <xf numFmtId="0" fontId="17" fillId="0" borderId="9" xfId="0" applyFont="1" applyBorder="1">
      <alignment vertical="center"/>
    </xf>
    <xf numFmtId="0" fontId="4" fillId="0" borderId="9" xfId="0" applyFont="1" applyBorder="1" applyAlignment="1">
      <alignment horizontal="left" vertical="center"/>
    </xf>
    <xf numFmtId="0" fontId="5" fillId="0" borderId="11" xfId="0" applyFont="1" applyBorder="1">
      <alignment vertical="center"/>
    </xf>
    <xf numFmtId="0" fontId="5" fillId="0" borderId="9" xfId="0" applyFont="1" applyBorder="1">
      <alignment vertical="center"/>
    </xf>
    <xf numFmtId="0" fontId="5" fillId="0" borderId="10" xfId="0" applyFont="1" applyBorder="1">
      <alignment vertical="center"/>
    </xf>
    <xf numFmtId="0" fontId="18" fillId="0" borderId="9" xfId="0" applyFont="1" applyBorder="1">
      <alignment vertical="center"/>
    </xf>
    <xf numFmtId="0" fontId="18" fillId="0" borderId="10" xfId="0" applyFont="1" applyBorder="1">
      <alignment vertical="center"/>
    </xf>
    <xf numFmtId="0" fontId="9" fillId="0" borderId="11" xfId="0" applyFont="1" applyBorder="1">
      <alignment vertical="center"/>
    </xf>
    <xf numFmtId="0" fontId="9" fillId="0" borderId="9" xfId="0" applyFont="1" applyBorder="1">
      <alignment vertical="center"/>
    </xf>
    <xf numFmtId="0" fontId="5" fillId="0" borderId="0" xfId="0" applyFont="1" applyAlignment="1">
      <alignment horizontal="left" vertical="center"/>
    </xf>
    <xf numFmtId="0" fontId="4" fillId="0" borderId="0" xfId="0" applyFont="1" applyAlignment="1">
      <alignment horizontal="left" vertical="center"/>
    </xf>
    <xf numFmtId="0" fontId="7" fillId="0" borderId="0" xfId="0" applyFont="1">
      <alignment vertical="center"/>
    </xf>
    <xf numFmtId="0" fontId="4" fillId="0" borderId="7" xfId="0" applyFont="1" applyBorder="1" applyAlignment="1">
      <alignment horizontal="left" vertical="center"/>
    </xf>
    <xf numFmtId="0" fontId="7" fillId="0" borderId="3" xfId="0" applyFont="1" applyBorder="1">
      <alignment vertical="center"/>
    </xf>
    <xf numFmtId="0" fontId="4" fillId="0" borderId="8" xfId="0" applyFont="1" applyBorder="1">
      <alignment vertical="center"/>
    </xf>
    <xf numFmtId="0" fontId="4" fillId="0" borderId="2" xfId="0" applyFont="1" applyBorder="1" applyAlignment="1">
      <alignment horizontal="left" vertical="center"/>
    </xf>
    <xf numFmtId="0" fontId="5" fillId="0" borderId="0" xfId="0" applyFont="1" applyAlignment="1">
      <alignment horizontal="center" vertical="center"/>
    </xf>
    <xf numFmtId="0" fontId="14" fillId="0" borderId="1" xfId="0" applyFont="1" applyBorder="1">
      <alignment vertical="center"/>
    </xf>
    <xf numFmtId="0" fontId="9" fillId="0" borderId="5" xfId="0" applyFont="1" applyBorder="1">
      <alignment vertical="center"/>
    </xf>
    <xf numFmtId="0" fontId="5" fillId="0" borderId="5" xfId="0" applyFont="1" applyBorder="1">
      <alignment vertical="center"/>
    </xf>
    <xf numFmtId="0" fontId="9" fillId="0" borderId="4" xfId="0" applyFont="1" applyBorder="1">
      <alignment vertical="center"/>
    </xf>
    <xf numFmtId="0" fontId="5" fillId="0" borderId="5" xfId="0" applyFont="1" applyBorder="1" applyAlignment="1">
      <alignment horizontal="center" vertical="center"/>
    </xf>
    <xf numFmtId="0" fontId="13" fillId="0" borderId="5" xfId="0" applyFont="1" applyBorder="1" applyAlignment="1">
      <alignment horizontal="center" vertical="center"/>
    </xf>
    <xf numFmtId="0" fontId="4" fillId="0" borderId="13" xfId="0" applyFont="1" applyBorder="1" applyAlignment="1">
      <alignment horizontal="left" vertical="center"/>
    </xf>
    <xf numFmtId="0" fontId="9" fillId="0" borderId="13" xfId="0" applyFont="1" applyBorder="1">
      <alignment vertical="center"/>
    </xf>
    <xf numFmtId="0" fontId="7" fillId="0" borderId="13" xfId="0" applyFont="1" applyBorder="1">
      <alignment vertical="center"/>
    </xf>
    <xf numFmtId="0" fontId="4" fillId="0" borderId="13" xfId="0" applyFont="1" applyBorder="1">
      <alignment vertical="center"/>
    </xf>
    <xf numFmtId="0" fontId="4" fillId="0" borderId="14" xfId="0" applyFont="1" applyBorder="1">
      <alignment vertical="center"/>
    </xf>
    <xf numFmtId="0" fontId="9" fillId="0" borderId="15" xfId="0" applyFont="1" applyBorder="1">
      <alignment vertical="center"/>
    </xf>
    <xf numFmtId="0" fontId="4" fillId="0" borderId="15" xfId="0" applyFont="1" applyBorder="1" applyAlignment="1">
      <alignment horizontal="left" vertical="center"/>
    </xf>
    <xf numFmtId="0" fontId="9" fillId="0" borderId="16" xfId="0" applyFont="1" applyBorder="1">
      <alignment vertical="center"/>
    </xf>
    <xf numFmtId="0" fontId="4" fillId="0" borderId="15" xfId="0" applyFont="1" applyBorder="1">
      <alignment vertical="center"/>
    </xf>
    <xf numFmtId="0" fontId="5" fillId="0" borderId="16" xfId="0" applyFont="1" applyBorder="1" applyAlignment="1">
      <alignment horizontal="center" vertical="center"/>
    </xf>
    <xf numFmtId="0" fontId="4" fillId="0" borderId="3" xfId="0" applyFont="1" applyBorder="1" applyProtection="1">
      <alignment vertical="center"/>
      <protection locked="0"/>
    </xf>
    <xf numFmtId="0" fontId="4" fillId="0" borderId="3" xfId="0" applyFont="1" applyBorder="1" applyAlignment="1">
      <alignment horizontal="center" vertical="center" shrinkToFit="1"/>
    </xf>
    <xf numFmtId="0" fontId="14" fillId="0" borderId="13" xfId="0" applyFont="1" applyBorder="1">
      <alignment vertical="center"/>
    </xf>
    <xf numFmtId="0" fontId="4" fillId="0" borderId="13" xfId="0" applyFont="1" applyBorder="1" applyAlignment="1">
      <alignment vertical="center" wrapText="1"/>
    </xf>
    <xf numFmtId="0" fontId="17" fillId="0" borderId="13" xfId="0" applyFont="1" applyBorder="1">
      <alignment vertical="center"/>
    </xf>
    <xf numFmtId="0" fontId="7" fillId="0" borderId="13" xfId="0" applyFont="1" applyBorder="1" applyAlignment="1">
      <alignment horizontal="center" vertical="center"/>
    </xf>
    <xf numFmtId="0" fontId="4" fillId="0" borderId="13" xfId="0" applyFont="1" applyBorder="1" applyAlignment="1">
      <alignment horizontal="center" vertical="center" shrinkToFit="1"/>
    </xf>
    <xf numFmtId="0" fontId="14" fillId="0" borderId="14" xfId="0" applyFont="1" applyBorder="1">
      <alignment vertical="center"/>
    </xf>
    <xf numFmtId="0" fontId="17" fillId="0" borderId="16" xfId="0" applyFont="1" applyBorder="1">
      <alignment vertical="center"/>
    </xf>
    <xf numFmtId="0" fontId="7" fillId="0" borderId="15" xfId="0" applyFont="1" applyBorder="1" applyAlignment="1">
      <alignment horizontal="center" vertical="center"/>
    </xf>
    <xf numFmtId="0" fontId="4" fillId="0" borderId="1" xfId="0" applyFont="1" applyBorder="1" applyAlignment="1">
      <alignment horizontal="left" vertical="center"/>
    </xf>
    <xf numFmtId="0" fontId="12" fillId="0" borderId="13" xfId="0" applyFont="1" applyBorder="1">
      <alignment vertical="center"/>
    </xf>
    <xf numFmtId="0" fontId="15" fillId="0" borderId="13" xfId="0" applyFont="1" applyBorder="1">
      <alignment vertical="center"/>
    </xf>
    <xf numFmtId="0" fontId="12" fillId="0" borderId="13" xfId="0" applyFont="1" applyBorder="1" applyAlignment="1">
      <alignment vertical="center" wrapText="1"/>
    </xf>
    <xf numFmtId="0" fontId="7" fillId="0" borderId="2" xfId="0" applyFont="1" applyBorder="1">
      <alignment vertical="center"/>
    </xf>
    <xf numFmtId="0" fontId="7" fillId="0" borderId="4" xfId="0" applyFont="1" applyBorder="1">
      <alignment vertical="center"/>
    </xf>
    <xf numFmtId="0" fontId="4" fillId="0" borderId="0" xfId="0" applyFont="1" applyAlignment="1">
      <alignment horizontal="center" vertical="center"/>
    </xf>
    <xf numFmtId="0" fontId="14" fillId="0" borderId="0" xfId="0" applyFont="1" applyAlignment="1">
      <alignment horizontal="center" vertical="center"/>
    </xf>
    <xf numFmtId="0" fontId="4" fillId="0" borderId="17" xfId="0" applyFont="1" applyBorder="1">
      <alignment vertical="center"/>
    </xf>
    <xf numFmtId="0" fontId="5" fillId="0" borderId="18" xfId="0" applyFont="1" applyBorder="1" applyAlignment="1">
      <alignment horizontal="center" vertical="center"/>
    </xf>
    <xf numFmtId="0" fontId="13" fillId="0" borderId="0" xfId="0" applyFont="1" applyAlignment="1">
      <alignment horizontal="center" vertical="center"/>
    </xf>
    <xf numFmtId="0" fontId="21" fillId="0" borderId="0" xfId="0" applyFont="1">
      <alignment vertical="center"/>
    </xf>
    <xf numFmtId="0" fontId="22" fillId="0" borderId="0" xfId="0" applyFont="1" applyAlignment="1"/>
    <xf numFmtId="0" fontId="22" fillId="0" borderId="0" xfId="0" applyFont="1" applyAlignment="1">
      <alignment horizontal="center"/>
    </xf>
    <xf numFmtId="0" fontId="22" fillId="0" borderId="0" xfId="0" applyFont="1" applyAlignment="1">
      <alignment horizontal="right" vertical="top"/>
    </xf>
    <xf numFmtId="0" fontId="23" fillId="0" borderId="0" xfId="0" applyFont="1">
      <alignment vertical="center"/>
    </xf>
    <xf numFmtId="0" fontId="25" fillId="0" borderId="0" xfId="0" applyFont="1">
      <alignment vertical="center"/>
    </xf>
    <xf numFmtId="0" fontId="25" fillId="0" borderId="11" xfId="0" applyFont="1" applyBorder="1">
      <alignment vertical="center"/>
    </xf>
    <xf numFmtId="0" fontId="25" fillId="0" borderId="9" xfId="0" applyFont="1" applyBorder="1">
      <alignment vertical="center"/>
    </xf>
    <xf numFmtId="0" fontId="22" fillId="0" borderId="5" xfId="0" applyFont="1" applyBorder="1" applyAlignment="1">
      <alignment horizontal="center" vertical="center"/>
    </xf>
    <xf numFmtId="0" fontId="25" fillId="0" borderId="5" xfId="0" applyFont="1" applyBorder="1" applyAlignment="1">
      <alignment horizontal="center" vertical="center"/>
    </xf>
    <xf numFmtId="0" fontId="25" fillId="0" borderId="5" xfId="0" applyFont="1" applyBorder="1" applyAlignment="1">
      <alignment horizontal="left" vertical="center"/>
    </xf>
    <xf numFmtId="0" fontId="25" fillId="0" borderId="3" xfId="0" applyFont="1" applyBorder="1">
      <alignment vertical="center"/>
    </xf>
    <xf numFmtId="0" fontId="23" fillId="0" borderId="8" xfId="0" applyFont="1" applyBorder="1">
      <alignment vertical="center"/>
    </xf>
    <xf numFmtId="0" fontId="22" fillId="0" borderId="7" xfId="0" applyFont="1" applyBorder="1" applyAlignment="1">
      <alignment horizontal="center" vertical="center"/>
    </xf>
    <xf numFmtId="0" fontId="22" fillId="0" borderId="0" xfId="0" applyFont="1" applyAlignment="1">
      <alignment horizontal="center" vertical="center"/>
    </xf>
    <xf numFmtId="0" fontId="25" fillId="0" borderId="0" xfId="0" applyFont="1" applyAlignment="1">
      <alignment horizontal="center" vertical="center"/>
    </xf>
    <xf numFmtId="0" fontId="25" fillId="0" borderId="0" xfId="0" applyFont="1" applyAlignment="1">
      <alignment horizontal="left" vertical="center"/>
    </xf>
    <xf numFmtId="0" fontId="23" fillId="0" borderId="1" xfId="0" applyFont="1" applyBorder="1">
      <alignment vertical="center"/>
    </xf>
    <xf numFmtId="0" fontId="25" fillId="0" borderId="5" xfId="0" applyFont="1" applyBorder="1">
      <alignment vertical="center"/>
    </xf>
    <xf numFmtId="0" fontId="23" fillId="0" borderId="6" xfId="0" applyFont="1" applyBorder="1">
      <alignment vertical="center"/>
    </xf>
    <xf numFmtId="0" fontId="22" fillId="0" borderId="4" xfId="0" applyFont="1" applyBorder="1" applyAlignment="1">
      <alignment horizontal="center" vertical="center"/>
    </xf>
    <xf numFmtId="0" fontId="23" fillId="0" borderId="0" xfId="0" applyFont="1" applyAlignment="1">
      <alignment horizontal="center" vertical="center"/>
    </xf>
    <xf numFmtId="0" fontId="23" fillId="0" borderId="0" xfId="0" applyFont="1" applyAlignment="1">
      <alignment horizontal="right" vertical="center"/>
    </xf>
    <xf numFmtId="0" fontId="23" fillId="0" borderId="0" xfId="0" applyFont="1" applyAlignment="1">
      <alignment horizontal="left" vertical="center"/>
    </xf>
    <xf numFmtId="0" fontId="25" fillId="0" borderId="20" xfId="0" applyFont="1" applyBorder="1" applyProtection="1">
      <alignment vertical="center"/>
      <protection locked="0"/>
    </xf>
    <xf numFmtId="0" fontId="25" fillId="0" borderId="20" xfId="0" applyFont="1" applyBorder="1">
      <alignment vertical="center"/>
    </xf>
    <xf numFmtId="0" fontId="23" fillId="0" borderId="20" xfId="0" applyFont="1" applyBorder="1">
      <alignment vertical="center"/>
    </xf>
    <xf numFmtId="0" fontId="23" fillId="0" borderId="3" xfId="0" applyFont="1" applyBorder="1">
      <alignment vertical="center"/>
    </xf>
    <xf numFmtId="0" fontId="22" fillId="0" borderId="4" xfId="0" applyFont="1" applyBorder="1">
      <alignment vertical="center"/>
    </xf>
    <xf numFmtId="0" fontId="23" fillId="0" borderId="5" xfId="0" applyFont="1" applyBorder="1">
      <alignment vertical="center"/>
    </xf>
    <xf numFmtId="0" fontId="25" fillId="0" borderId="5" xfId="0" applyFont="1" applyBorder="1" applyAlignment="1">
      <alignment vertical="center" wrapText="1"/>
    </xf>
    <xf numFmtId="0" fontId="22" fillId="0" borderId="5" xfId="0" applyFont="1" applyBorder="1">
      <alignment vertical="center"/>
    </xf>
    <xf numFmtId="0" fontId="25" fillId="0" borderId="20" xfId="0" applyFont="1" applyBorder="1" applyAlignment="1">
      <alignment horizontal="left" vertical="center"/>
    </xf>
    <xf numFmtId="0" fontId="23" fillId="0" borderId="3" xfId="0" applyFont="1" applyBorder="1" applyAlignment="1">
      <alignment horizontal="center" vertical="center"/>
    </xf>
    <xf numFmtId="0" fontId="22" fillId="0" borderId="2" xfId="0" applyFont="1" applyBorder="1">
      <alignment vertical="center"/>
    </xf>
    <xf numFmtId="0" fontId="25" fillId="0" borderId="22" xfId="0" applyFont="1" applyBorder="1">
      <alignment vertical="center"/>
    </xf>
    <xf numFmtId="0" fontId="23" fillId="0" borderId="22" xfId="0" applyFont="1" applyBorder="1">
      <alignment vertical="center"/>
    </xf>
    <xf numFmtId="0" fontId="22" fillId="0" borderId="0" xfId="0" applyFont="1">
      <alignment vertical="center"/>
    </xf>
    <xf numFmtId="0" fontId="25" fillId="0" borderId="22" xfId="0" applyFont="1" applyBorder="1" applyAlignment="1">
      <alignment horizontal="left" vertical="center"/>
    </xf>
    <xf numFmtId="0" fontId="26" fillId="0" borderId="5" xfId="0" applyFont="1" applyBorder="1" applyAlignment="1">
      <alignment horizontal="center" vertical="center"/>
    </xf>
    <xf numFmtId="0" fontId="23" fillId="0" borderId="5" xfId="0" applyFont="1" applyBorder="1" applyAlignment="1">
      <alignment horizontal="center" vertical="center"/>
    </xf>
    <xf numFmtId="0" fontId="25" fillId="0" borderId="24" xfId="0" applyFont="1" applyBorder="1" applyAlignment="1">
      <alignment horizontal="left" vertical="center"/>
    </xf>
    <xf numFmtId="0" fontId="25" fillId="0" borderId="24" xfId="0" applyFont="1" applyBorder="1">
      <alignment vertical="center"/>
    </xf>
    <xf numFmtId="0" fontId="23" fillId="0" borderId="24" xfId="0" applyFont="1" applyBorder="1">
      <alignment vertical="center"/>
    </xf>
    <xf numFmtId="49" fontId="25" fillId="0" borderId="0" xfId="0" applyNumberFormat="1" applyFont="1" applyAlignment="1">
      <alignment horizontal="left" vertical="center" wrapText="1"/>
    </xf>
    <xf numFmtId="0" fontId="25" fillId="0" borderId="0" xfId="0" applyFont="1" applyAlignment="1">
      <alignment vertical="center" wrapText="1"/>
    </xf>
    <xf numFmtId="0" fontId="25" fillId="0" borderId="9" xfId="0" applyFont="1" applyBorder="1" applyAlignment="1">
      <alignment horizontal="center" vertical="center"/>
    </xf>
    <xf numFmtId="0" fontId="25" fillId="0" borderId="7" xfId="0" applyFont="1" applyBorder="1" applyAlignment="1">
      <alignment horizontal="center" vertical="center"/>
    </xf>
    <xf numFmtId="0" fontId="23" fillId="0" borderId="20" xfId="0" applyFont="1" applyBorder="1" applyAlignment="1">
      <alignment horizontal="right" vertical="center"/>
    </xf>
    <xf numFmtId="0" fontId="26" fillId="0" borderId="20" xfId="0" applyFont="1" applyBorder="1" applyAlignment="1">
      <alignment horizontal="center" vertical="center"/>
    </xf>
    <xf numFmtId="0" fontId="23" fillId="0" borderId="27" xfId="0" applyFont="1" applyBorder="1">
      <alignment vertical="center"/>
    </xf>
    <xf numFmtId="0" fontId="26" fillId="0" borderId="7" xfId="0" applyFont="1" applyBorder="1" applyAlignment="1">
      <alignment horizontal="center" vertical="center"/>
    </xf>
    <xf numFmtId="0" fontId="26" fillId="0" borderId="8" xfId="0" applyFont="1" applyBorder="1" applyAlignment="1">
      <alignment horizontal="center" vertical="center"/>
    </xf>
    <xf numFmtId="0" fontId="26" fillId="0" borderId="3" xfId="0" applyFont="1" applyBorder="1" applyAlignment="1">
      <alignment horizontal="center" vertical="center"/>
    </xf>
    <xf numFmtId="0" fontId="25" fillId="0" borderId="7" xfId="0" applyFont="1" applyBorder="1">
      <alignment vertical="center"/>
    </xf>
    <xf numFmtId="0" fontId="25" fillId="0" borderId="8" xfId="0" applyFont="1" applyBorder="1">
      <alignment vertical="center"/>
    </xf>
    <xf numFmtId="0" fontId="23" fillId="0" borderId="28" xfId="0" applyFont="1" applyBorder="1" applyAlignment="1">
      <alignment horizontal="center" vertical="center"/>
    </xf>
    <xf numFmtId="0" fontId="26" fillId="0" borderId="22" xfId="0" applyFont="1" applyBorder="1" applyAlignment="1">
      <alignment horizontal="center" vertical="center"/>
    </xf>
    <xf numFmtId="0" fontId="25" fillId="0" borderId="1" xfId="0" applyFont="1" applyBorder="1">
      <alignment vertical="center"/>
    </xf>
    <xf numFmtId="0" fontId="26" fillId="0" borderId="2" xfId="0" applyFont="1" applyBorder="1" applyAlignment="1">
      <alignment horizontal="center" vertical="center"/>
    </xf>
    <xf numFmtId="0" fontId="26" fillId="0" borderId="1" xfId="0" applyFont="1" applyBorder="1" applyAlignment="1">
      <alignment horizontal="center" vertical="center"/>
    </xf>
    <xf numFmtId="0" fontId="25" fillId="0" borderId="2" xfId="0" applyFont="1" applyBorder="1">
      <alignment vertical="center"/>
    </xf>
    <xf numFmtId="0" fontId="23" fillId="0" borderId="2" xfId="0" applyFont="1" applyBorder="1">
      <alignment vertical="center"/>
    </xf>
    <xf numFmtId="0" fontId="25" fillId="0" borderId="28" xfId="0" applyFont="1" applyBorder="1" applyAlignment="1">
      <alignment horizontal="center" vertical="center"/>
    </xf>
    <xf numFmtId="0" fontId="26" fillId="0" borderId="0" xfId="0" applyFont="1" applyAlignment="1">
      <alignment horizontal="center" vertical="center"/>
    </xf>
    <xf numFmtId="0" fontId="25" fillId="0" borderId="1" xfId="0" applyFont="1" applyBorder="1" applyAlignment="1">
      <alignment horizontal="center" vertical="center"/>
    </xf>
    <xf numFmtId="0" fontId="25" fillId="0" borderId="0" xfId="0" applyFont="1" applyAlignment="1">
      <alignment horizontal="distributed" vertical="center"/>
    </xf>
    <xf numFmtId="0" fontId="25" fillId="0" borderId="1" xfId="0" applyFont="1" applyBorder="1" applyAlignment="1">
      <alignment horizontal="distributed" vertical="center"/>
    </xf>
    <xf numFmtId="0" fontId="25" fillId="0" borderId="2" xfId="0" applyFont="1" applyBorder="1" applyAlignment="1">
      <alignment horizontal="center" vertical="center"/>
    </xf>
    <xf numFmtId="0" fontId="25" fillId="0" borderId="0" xfId="0" applyFont="1" applyProtection="1">
      <alignment vertical="center"/>
      <protection locked="0"/>
    </xf>
    <xf numFmtId="0" fontId="22" fillId="0" borderId="1" xfId="0" applyFont="1" applyBorder="1">
      <alignment vertical="center"/>
    </xf>
    <xf numFmtId="0" fontId="25" fillId="0" borderId="29" xfId="0" applyFont="1" applyBorder="1" applyAlignment="1">
      <alignment horizontal="center" vertical="center"/>
    </xf>
    <xf numFmtId="0" fontId="26" fillId="0" borderId="24" xfId="0" applyFont="1" applyBorder="1" applyAlignment="1">
      <alignment horizontal="center" vertical="center"/>
    </xf>
    <xf numFmtId="0" fontId="25" fillId="0" borderId="24" xfId="0" applyFont="1" applyBorder="1" applyAlignment="1">
      <alignment horizontal="center" vertical="center"/>
    </xf>
    <xf numFmtId="0" fontId="25" fillId="0" borderId="30" xfId="0" applyFont="1" applyBorder="1" applyAlignment="1">
      <alignment horizontal="center" vertical="center"/>
    </xf>
    <xf numFmtId="0" fontId="25" fillId="0" borderId="2" xfId="0" applyFont="1" applyBorder="1" applyAlignment="1">
      <alignment horizontal="distributed" vertical="center"/>
    </xf>
    <xf numFmtId="0" fontId="25" fillId="0" borderId="31" xfId="0" applyFont="1" applyBorder="1" applyAlignment="1">
      <alignment horizontal="center" vertical="center"/>
    </xf>
    <xf numFmtId="0" fontId="25" fillId="0" borderId="4" xfId="0" applyFont="1" applyBorder="1" applyAlignment="1">
      <alignment horizontal="distributed" vertical="center"/>
    </xf>
    <xf numFmtId="0" fontId="25" fillId="0" borderId="5" xfId="0" applyFont="1" applyBorder="1" applyAlignment="1">
      <alignment horizontal="distributed" vertical="center"/>
    </xf>
    <xf numFmtId="0" fontId="25" fillId="0" borderId="6" xfId="0" applyFont="1" applyBorder="1" applyAlignment="1">
      <alignment horizontal="distributed" vertical="center"/>
    </xf>
    <xf numFmtId="0" fontId="26" fillId="0" borderId="4" xfId="0" applyFont="1" applyBorder="1" applyAlignment="1">
      <alignment horizontal="center" vertical="center"/>
    </xf>
    <xf numFmtId="0" fontId="25" fillId="0" borderId="32" xfId="0" applyFont="1" applyBorder="1" applyAlignment="1">
      <alignment horizontal="center" vertical="center"/>
    </xf>
    <xf numFmtId="0" fontId="25" fillId="0" borderId="4" xfId="0" applyFont="1" applyBorder="1">
      <alignment vertical="center"/>
    </xf>
    <xf numFmtId="0" fontId="25" fillId="0" borderId="6" xfId="0" applyFont="1" applyBorder="1">
      <alignment vertical="center"/>
    </xf>
    <xf numFmtId="0" fontId="25" fillId="0" borderId="20" xfId="0" applyFont="1" applyBorder="1" applyAlignment="1">
      <alignment horizontal="center" vertical="center"/>
    </xf>
    <xf numFmtId="0" fontId="25" fillId="0" borderId="27" xfId="0" applyFont="1" applyBorder="1" applyAlignment="1">
      <alignment horizontal="center" vertical="center"/>
    </xf>
    <xf numFmtId="0" fontId="25" fillId="0" borderId="2" xfId="0" applyFont="1" applyBorder="1" applyAlignment="1">
      <alignment horizontal="left" vertical="center"/>
    </xf>
    <xf numFmtId="0" fontId="23" fillId="0" borderId="28" xfId="0" applyFont="1" applyBorder="1">
      <alignment vertical="center"/>
    </xf>
    <xf numFmtId="0" fontId="25" fillId="0" borderId="0" xfId="0" applyFont="1" applyAlignment="1">
      <alignment horizontal="right" vertical="center"/>
    </xf>
    <xf numFmtId="0" fontId="27" fillId="0" borderId="0" xfId="0" applyFont="1" applyProtection="1">
      <alignment vertical="center"/>
      <protection locked="0"/>
    </xf>
    <xf numFmtId="0" fontId="27" fillId="0" borderId="0" xfId="0" applyFont="1" applyAlignment="1" applyProtection="1">
      <alignment horizontal="center" vertical="center"/>
      <protection locked="0"/>
    </xf>
    <xf numFmtId="0" fontId="23" fillId="0" borderId="23" xfId="0" applyFont="1" applyBorder="1">
      <alignment vertical="center"/>
    </xf>
    <xf numFmtId="0" fontId="26" fillId="0" borderId="6" xfId="0" applyFont="1" applyBorder="1" applyAlignment="1">
      <alignment horizontal="center" vertical="center"/>
    </xf>
    <xf numFmtId="0" fontId="25" fillId="0" borderId="33" xfId="0" applyFont="1" applyBorder="1" applyAlignment="1">
      <alignment horizontal="center" vertical="center"/>
    </xf>
    <xf numFmtId="0" fontId="25" fillId="0" borderId="30" xfId="0" applyFont="1" applyBorder="1" applyAlignment="1">
      <alignment horizontal="left" vertical="center"/>
    </xf>
    <xf numFmtId="0" fontId="25" fillId="0" borderId="0" xfId="0" applyFont="1" applyAlignment="1" applyProtection="1">
      <alignment vertical="center" shrinkToFit="1"/>
      <protection locked="0"/>
    </xf>
    <xf numFmtId="0" fontId="28" fillId="0" borderId="0" xfId="0" applyFont="1">
      <alignment vertical="center"/>
    </xf>
    <xf numFmtId="0" fontId="25" fillId="0" borderId="0" xfId="0" applyFont="1" applyAlignment="1">
      <alignment horizontal="center" vertical="center" shrinkToFit="1"/>
    </xf>
    <xf numFmtId="0" fontId="25" fillId="0" borderId="2" xfId="0" applyFont="1" applyBorder="1" applyAlignment="1">
      <alignment horizontal="distributed"/>
    </xf>
    <xf numFmtId="0" fontId="25" fillId="0" borderId="0" xfId="0" applyFont="1" applyAlignment="1">
      <alignment horizontal="distributed"/>
    </xf>
    <xf numFmtId="0" fontId="25" fillId="0" borderId="1" xfId="0" applyFont="1" applyBorder="1" applyAlignment="1">
      <alignment horizontal="distributed"/>
    </xf>
    <xf numFmtId="0" fontId="25" fillId="0" borderId="33" xfId="0" applyFont="1" applyBorder="1" applyAlignment="1">
      <alignment horizontal="left" vertical="center"/>
    </xf>
    <xf numFmtId="0" fontId="25" fillId="0" borderId="34" xfId="0" applyFont="1" applyBorder="1" applyAlignment="1">
      <alignment horizontal="left" vertical="center"/>
    </xf>
    <xf numFmtId="0" fontId="25" fillId="0" borderId="5" xfId="0" applyFont="1" applyBorder="1" applyAlignment="1" applyProtection="1">
      <alignment horizontal="center" vertical="center"/>
      <protection locked="0"/>
    </xf>
    <xf numFmtId="0" fontId="25" fillId="0" borderId="6" xfId="0" applyFont="1" applyBorder="1" applyAlignment="1">
      <alignment horizontal="left" vertical="center"/>
    </xf>
    <xf numFmtId="0" fontId="25" fillId="0" borderId="20" xfId="0" applyFont="1" applyBorder="1" applyAlignment="1">
      <alignment horizontal="right" vertical="center"/>
    </xf>
    <xf numFmtId="0" fontId="23" fillId="0" borderId="30" xfId="0" applyFont="1" applyBorder="1">
      <alignment vertical="center"/>
    </xf>
    <xf numFmtId="0" fontId="25" fillId="0" borderId="0" xfId="0" applyFont="1" applyAlignment="1" applyProtection="1">
      <alignment horizontal="center" vertical="center"/>
      <protection locked="0"/>
    </xf>
    <xf numFmtId="0" fontId="25" fillId="0" borderId="31" xfId="0" applyFont="1" applyBorder="1">
      <alignment vertical="center"/>
    </xf>
    <xf numFmtId="0" fontId="22" fillId="0" borderId="28" xfId="0" applyFont="1" applyBorder="1" applyAlignment="1">
      <alignment horizontal="center" vertical="center"/>
    </xf>
    <xf numFmtId="0" fontId="22" fillId="0" borderId="2" xfId="0" applyFont="1" applyBorder="1" applyAlignment="1">
      <alignment horizontal="center" vertical="center"/>
    </xf>
    <xf numFmtId="0" fontId="26" fillId="0" borderId="35" xfId="0" applyFont="1" applyBorder="1" applyAlignment="1">
      <alignment horizontal="center" vertical="center"/>
    </xf>
    <xf numFmtId="0" fontId="25" fillId="0" borderId="0" xfId="0" quotePrefix="1" applyFont="1">
      <alignment vertical="center"/>
    </xf>
    <xf numFmtId="0" fontId="25" fillId="0" borderId="5" xfId="0" applyFont="1" applyBorder="1" applyAlignment="1" applyProtection="1">
      <alignment vertical="center" shrinkToFit="1"/>
      <protection locked="0"/>
    </xf>
    <xf numFmtId="0" fontId="26" fillId="0" borderId="21" xfId="0" applyFont="1" applyBorder="1" applyAlignment="1">
      <alignment horizontal="center" vertical="center"/>
    </xf>
    <xf numFmtId="0" fontId="26" fillId="0" borderId="31" xfId="0" applyFont="1" applyBorder="1" applyAlignment="1">
      <alignment horizontal="center" vertical="center"/>
    </xf>
    <xf numFmtId="0" fontId="25" fillId="0" borderId="2" xfId="0" applyFont="1" applyBorder="1" applyAlignment="1">
      <alignment horizontal="distributed" vertical="center" wrapText="1"/>
    </xf>
    <xf numFmtId="0" fontId="25" fillId="0" borderId="0" xfId="0" applyFont="1" applyAlignment="1">
      <alignment horizontal="distributed" vertical="center" wrapText="1"/>
    </xf>
    <xf numFmtId="0" fontId="25" fillId="0" borderId="1" xfId="0" applyFont="1" applyBorder="1" applyAlignment="1">
      <alignment horizontal="distributed" vertical="center" wrapText="1"/>
    </xf>
    <xf numFmtId="0" fontId="25" fillId="0" borderId="3" xfId="0" applyFont="1" applyBorder="1" applyAlignment="1">
      <alignment horizontal="center" vertical="center"/>
    </xf>
    <xf numFmtId="0" fontId="25" fillId="0" borderId="3" xfId="0" applyFont="1" applyBorder="1" applyAlignment="1">
      <alignment horizontal="right" vertical="center"/>
    </xf>
    <xf numFmtId="0" fontId="25" fillId="0" borderId="3" xfId="0" applyFont="1" applyBorder="1" applyAlignment="1">
      <alignment horizontal="left" vertical="center"/>
    </xf>
    <xf numFmtId="0" fontId="22" fillId="0" borderId="8" xfId="0" applyFont="1" applyBorder="1">
      <alignment vertical="center"/>
    </xf>
    <xf numFmtId="0" fontId="25" fillId="0" borderId="1" xfId="0" applyFont="1" applyBorder="1" applyAlignment="1" applyProtection="1">
      <alignment vertical="center" shrinkToFit="1"/>
      <protection locked="0"/>
    </xf>
    <xf numFmtId="0" fontId="23" fillId="0" borderId="2" xfId="0" applyFont="1" applyBorder="1" applyAlignment="1">
      <alignment horizontal="center" vertical="center"/>
    </xf>
    <xf numFmtId="0" fontId="25" fillId="0" borderId="4" xfId="0" applyFont="1" applyBorder="1" applyAlignment="1">
      <alignment horizontal="center" vertical="center"/>
    </xf>
    <xf numFmtId="0" fontId="25" fillId="0" borderId="6" xfId="0" applyFont="1" applyBorder="1" applyAlignment="1" applyProtection="1">
      <alignment vertical="center" shrinkToFit="1"/>
      <protection locked="0"/>
    </xf>
    <xf numFmtId="0" fontId="22" fillId="0" borderId="0" xfId="0" applyFont="1" applyAlignment="1">
      <alignment horizontal="distributed" vertical="center"/>
    </xf>
    <xf numFmtId="0" fontId="22" fillId="0" borderId="1" xfId="0" applyFont="1" applyBorder="1" applyAlignment="1">
      <alignment horizontal="distributed" vertical="center"/>
    </xf>
    <xf numFmtId="0" fontId="22" fillId="0" borderId="6" xfId="0" applyFont="1" applyBorder="1">
      <alignment vertical="center"/>
    </xf>
    <xf numFmtId="0" fontId="25" fillId="0" borderId="8" xfId="0" applyFont="1" applyBorder="1" applyAlignment="1">
      <alignment horizontal="center" vertical="center"/>
    </xf>
    <xf numFmtId="0" fontId="25" fillId="0" borderId="2" xfId="0" applyFont="1" applyBorder="1" applyAlignment="1">
      <alignment horizontal="right" vertical="center"/>
    </xf>
    <xf numFmtId="0" fontId="23" fillId="0" borderId="4" xfId="0" applyFont="1" applyBorder="1">
      <alignment vertical="center"/>
    </xf>
    <xf numFmtId="0" fontId="28" fillId="0" borderId="3" xfId="0" applyFont="1" applyBorder="1">
      <alignment vertical="center"/>
    </xf>
    <xf numFmtId="0" fontId="22" fillId="0" borderId="3" xfId="0" applyFont="1" applyBorder="1">
      <alignment vertical="center"/>
    </xf>
    <xf numFmtId="49" fontId="25" fillId="0" borderId="2" xfId="0" applyNumberFormat="1" applyFont="1" applyBorder="1" applyAlignment="1">
      <alignment horizontal="distributed" vertical="center"/>
    </xf>
    <xf numFmtId="49" fontId="25" fillId="0" borderId="0" xfId="0" applyNumberFormat="1" applyFont="1" applyAlignment="1">
      <alignment horizontal="distributed" vertical="center"/>
    </xf>
    <xf numFmtId="49" fontId="25" fillId="0" borderId="1" xfId="0" applyNumberFormat="1" applyFont="1" applyBorder="1" applyAlignment="1">
      <alignment horizontal="distributed" vertical="center"/>
    </xf>
    <xf numFmtId="0" fontId="29" fillId="0" borderId="0" xfId="0" applyFont="1">
      <alignment vertical="center"/>
    </xf>
    <xf numFmtId="49" fontId="25" fillId="0" borderId="0" xfId="0" applyNumberFormat="1" applyFont="1">
      <alignment vertical="center"/>
    </xf>
    <xf numFmtId="0" fontId="25" fillId="0" borderId="2" xfId="0" applyFont="1" applyBorder="1" applyAlignment="1">
      <alignment vertical="center" wrapText="1"/>
    </xf>
    <xf numFmtId="0" fontId="25" fillId="0" borderId="1" xfId="0" applyFont="1" applyBorder="1" applyAlignment="1">
      <alignment vertical="center" wrapText="1"/>
    </xf>
    <xf numFmtId="0" fontId="22" fillId="0" borderId="2" xfId="0" applyFont="1" applyBorder="1" applyAlignment="1">
      <alignment vertical="top" wrapText="1"/>
    </xf>
    <xf numFmtId="0" fontId="22" fillId="0" borderId="0" xfId="0" applyFont="1" applyAlignment="1">
      <alignment vertical="top" wrapText="1"/>
    </xf>
    <xf numFmtId="0" fontId="22" fillId="0" borderId="1" xfId="0" applyFont="1" applyBorder="1" applyAlignment="1">
      <alignment vertical="top" wrapText="1"/>
    </xf>
    <xf numFmtId="0" fontId="25" fillId="0" borderId="0" xfId="0" applyFont="1" applyAlignment="1">
      <alignment vertical="top" wrapText="1"/>
    </xf>
    <xf numFmtId="0" fontId="25" fillId="0" borderId="1" xfId="0" applyFont="1" applyBorder="1" applyAlignment="1">
      <alignment vertical="top" wrapText="1"/>
    </xf>
    <xf numFmtId="49" fontId="25" fillId="0" borderId="2" xfId="0" applyNumberFormat="1" applyFont="1" applyBorder="1">
      <alignment vertical="center"/>
    </xf>
    <xf numFmtId="0" fontId="25" fillId="0" borderId="4" xfId="0" applyFont="1" applyBorder="1" applyAlignment="1">
      <alignment vertical="center" wrapText="1"/>
    </xf>
    <xf numFmtId="0" fontId="25" fillId="0" borderId="6" xfId="0" applyFont="1" applyBorder="1" applyAlignment="1">
      <alignment vertical="center" wrapText="1"/>
    </xf>
    <xf numFmtId="0" fontId="27" fillId="0" borderId="5" xfId="0" applyFont="1" applyBorder="1" applyProtection="1">
      <alignment vertical="center"/>
      <protection locked="0"/>
    </xf>
    <xf numFmtId="0" fontId="25" fillId="0" borderId="5" xfId="0" applyFont="1" applyBorder="1" applyProtection="1">
      <alignment vertical="center"/>
      <protection locked="0"/>
    </xf>
    <xf numFmtId="0" fontId="25" fillId="0" borderId="3" xfId="0" applyFont="1" applyBorder="1" applyAlignment="1" applyProtection="1">
      <alignment horizontal="center" vertical="center"/>
      <protection locked="0"/>
    </xf>
    <xf numFmtId="0" fontId="25" fillId="0" borderId="3" xfId="0" applyFont="1" applyBorder="1" applyProtection="1">
      <alignment vertical="center"/>
      <protection locked="0"/>
    </xf>
    <xf numFmtId="0" fontId="25" fillId="0" borderId="5" xfId="0" applyFont="1" applyBorder="1" applyAlignment="1" applyProtection="1">
      <alignment horizontal="left" vertical="center"/>
      <protection locked="0"/>
    </xf>
    <xf numFmtId="0" fontId="25" fillId="0" borderId="0" xfId="0" applyFont="1" applyAlignment="1" applyProtection="1">
      <alignment horizontal="left" vertical="center"/>
      <protection locked="0"/>
    </xf>
    <xf numFmtId="0" fontId="25" fillId="0" borderId="4" xfId="0" applyFont="1" applyBorder="1" applyAlignment="1">
      <alignment horizontal="left" vertical="center"/>
    </xf>
    <xf numFmtId="0" fontId="25" fillId="0" borderId="4" xfId="0" applyFont="1" applyBorder="1" applyAlignment="1">
      <alignment horizontal="distributed" vertical="center" wrapText="1"/>
    </xf>
    <xf numFmtId="0" fontId="25" fillId="0" borderId="5" xfId="0" applyFont="1" applyBorder="1" applyAlignment="1">
      <alignment horizontal="distributed" vertical="center" wrapText="1"/>
    </xf>
    <xf numFmtId="0" fontId="25" fillId="0" borderId="6" xfId="0" applyFont="1" applyBorder="1" applyAlignment="1">
      <alignment horizontal="distributed" vertical="center" wrapText="1"/>
    </xf>
    <xf numFmtId="0" fontId="25" fillId="0" borderId="7" xfId="0" applyFont="1" applyBorder="1" applyAlignment="1">
      <alignment horizontal="left" vertical="center"/>
    </xf>
    <xf numFmtId="0" fontId="30" fillId="0" borderId="0" xfId="0" applyFont="1" applyAlignment="1">
      <alignment vertical="top"/>
    </xf>
    <xf numFmtId="0" fontId="25" fillId="0" borderId="0" xfId="0" applyFont="1" applyAlignment="1"/>
    <xf numFmtId="0" fontId="25" fillId="0" borderId="2" xfId="0" applyFont="1" applyBorder="1" applyAlignment="1">
      <alignment vertical="top" wrapText="1"/>
    </xf>
    <xf numFmtId="0" fontId="25" fillId="0" borderId="1" xfId="0" applyFont="1" applyBorder="1" applyAlignment="1">
      <alignment horizontal="left" vertical="center"/>
    </xf>
    <xf numFmtId="0" fontId="23" fillId="0" borderId="19" xfId="0" applyFont="1" applyBorder="1">
      <alignment vertical="center"/>
    </xf>
    <xf numFmtId="0" fontId="25" fillId="0" borderId="5" xfId="0" applyFont="1" applyBorder="1" applyAlignment="1">
      <alignment horizontal="right" vertical="center"/>
    </xf>
    <xf numFmtId="0" fontId="28" fillId="0" borderId="0" xfId="0" applyFont="1" applyAlignment="1">
      <alignment horizontal="left" vertical="center"/>
    </xf>
    <xf numFmtId="0" fontId="25" fillId="0" borderId="0" xfId="0" applyFont="1" applyAlignment="1">
      <alignment horizontal="left" vertical="top" wrapText="1"/>
    </xf>
    <xf numFmtId="0" fontId="25" fillId="0" borderId="1" xfId="0" applyFont="1" applyBorder="1" applyAlignment="1">
      <alignment horizontal="left" vertical="top" wrapText="1"/>
    </xf>
    <xf numFmtId="0" fontId="25" fillId="0" borderId="5" xfId="0" applyFont="1" applyBorder="1" applyAlignment="1">
      <alignment horizontal="center" vertical="center" shrinkToFit="1"/>
    </xf>
    <xf numFmtId="0" fontId="25" fillId="0" borderId="19" xfId="0" applyFont="1" applyBorder="1" applyAlignment="1">
      <alignment horizontal="distributed" vertical="center"/>
    </xf>
    <xf numFmtId="0" fontId="25" fillId="0" borderId="6" xfId="0" applyFont="1" applyBorder="1" applyAlignment="1">
      <alignment horizontal="center" vertical="center"/>
    </xf>
    <xf numFmtId="0" fontId="25" fillId="0" borderId="0" xfId="0" applyFont="1" applyAlignment="1">
      <alignment vertical="top" textRotation="255"/>
    </xf>
    <xf numFmtId="0" fontId="23" fillId="0" borderId="0" xfId="0" applyFont="1" applyAlignment="1">
      <alignment horizontal="right" vertical="top"/>
    </xf>
    <xf numFmtId="0" fontId="25" fillId="0" borderId="8" xfId="0" applyFont="1" applyBorder="1" applyAlignment="1">
      <alignment horizontal="left" vertical="center"/>
    </xf>
    <xf numFmtId="0" fontId="23" fillId="0" borderId="7" xfId="0" applyFont="1" applyBorder="1">
      <alignment vertical="center"/>
    </xf>
    <xf numFmtId="0" fontId="25" fillId="0" borderId="33" xfId="0" applyFont="1" applyBorder="1">
      <alignment vertical="center"/>
    </xf>
    <xf numFmtId="0" fontId="25" fillId="0" borderId="36" xfId="0" applyFont="1" applyBorder="1">
      <alignment vertical="center"/>
    </xf>
    <xf numFmtId="0" fontId="31" fillId="0" borderId="4" xfId="0" applyFont="1" applyBorder="1">
      <alignment vertical="center"/>
    </xf>
    <xf numFmtId="0" fontId="27" fillId="0" borderId="0" xfId="0" applyFont="1" applyAlignment="1">
      <alignment horizontal="center" vertical="center"/>
    </xf>
    <xf numFmtId="0" fontId="25" fillId="0" borderId="7" xfId="0" applyFont="1" applyBorder="1" applyAlignment="1">
      <alignment vertical="top"/>
    </xf>
    <xf numFmtId="0" fontId="25" fillId="0" borderId="3" xfId="0" applyFont="1" applyBorder="1" applyAlignment="1">
      <alignment vertical="top" wrapText="1"/>
    </xf>
    <xf numFmtId="0" fontId="25" fillId="0" borderId="8" xfId="0" applyFont="1" applyBorder="1" applyAlignment="1">
      <alignment vertical="top" wrapText="1"/>
    </xf>
    <xf numFmtId="0" fontId="25" fillId="0" borderId="3" xfId="0" applyFont="1" applyBorder="1" applyAlignment="1" applyProtection="1">
      <alignment vertical="center" shrinkToFit="1"/>
      <protection locked="0"/>
    </xf>
    <xf numFmtId="0" fontId="25" fillId="0" borderId="2" xfId="0" applyFont="1" applyBorder="1" applyAlignment="1">
      <alignment vertical="top"/>
    </xf>
    <xf numFmtId="0" fontId="28" fillId="0" borderId="0" xfId="0" applyFont="1" applyAlignment="1">
      <alignment horizontal="center" vertical="center"/>
    </xf>
    <xf numFmtId="0" fontId="25" fillId="0" borderId="30" xfId="0" applyFont="1" applyBorder="1">
      <alignment vertical="center"/>
    </xf>
    <xf numFmtId="0" fontId="25" fillId="0" borderId="4" xfId="0" applyFont="1" applyBorder="1" applyAlignment="1">
      <alignment vertical="top" wrapText="1"/>
    </xf>
    <xf numFmtId="0" fontId="25" fillId="0" borderId="5" xfId="0" applyFont="1" applyBorder="1" applyAlignment="1">
      <alignment vertical="top" wrapText="1"/>
    </xf>
    <xf numFmtId="0" fontId="25" fillId="0" borderId="6" xfId="0" applyFont="1" applyBorder="1" applyAlignment="1">
      <alignment vertical="top" wrapText="1"/>
    </xf>
    <xf numFmtId="0" fontId="26" fillId="0" borderId="11" xfId="0" applyFont="1" applyBorder="1" applyAlignment="1">
      <alignment horizontal="center" vertical="center"/>
    </xf>
    <xf numFmtId="0" fontId="25" fillId="0" borderId="10" xfId="0" applyFont="1" applyBorder="1">
      <alignment vertical="center"/>
    </xf>
    <xf numFmtId="0" fontId="27" fillId="0" borderId="3" xfId="0" applyFont="1" applyBorder="1" applyProtection="1">
      <alignment vertical="center"/>
      <protection locked="0"/>
    </xf>
    <xf numFmtId="0" fontId="25" fillId="0" borderId="4" xfId="0" applyFont="1" applyBorder="1" applyAlignment="1">
      <alignment horizontal="right" vertical="center"/>
    </xf>
    <xf numFmtId="49" fontId="25" fillId="0" borderId="0" xfId="2" applyNumberFormat="1" applyFont="1">
      <alignment vertical="center"/>
    </xf>
    <xf numFmtId="49" fontId="25" fillId="0" borderId="2" xfId="1" applyNumberFormat="1" applyFont="1" applyBorder="1" applyAlignment="1">
      <alignment vertical="center"/>
    </xf>
    <xf numFmtId="0" fontId="22" fillId="0" borderId="9" xfId="0" applyFont="1" applyBorder="1">
      <alignment vertical="center"/>
    </xf>
    <xf numFmtId="0" fontId="25" fillId="0" borderId="9" xfId="0" applyFont="1" applyBorder="1" applyAlignment="1">
      <alignment horizontal="left" vertical="center"/>
    </xf>
    <xf numFmtId="0" fontId="23" fillId="0" borderId="9" xfId="0" applyFont="1" applyBorder="1">
      <alignment vertical="center"/>
    </xf>
    <xf numFmtId="0" fontId="27" fillId="0" borderId="5" xfId="0" applyFont="1" applyBorder="1" applyAlignment="1" applyProtection="1">
      <alignment horizontal="center" vertical="center"/>
      <protection locked="0"/>
    </xf>
    <xf numFmtId="0" fontId="25" fillId="0" borderId="9" xfId="0" applyFont="1" applyBorder="1" applyAlignment="1" applyProtection="1">
      <alignment horizontal="center" vertical="center"/>
      <protection locked="0"/>
    </xf>
    <xf numFmtId="0" fontId="25" fillId="0" borderId="9" xfId="0" applyFont="1" applyBorder="1" applyAlignment="1">
      <alignment horizontal="right" vertical="center"/>
    </xf>
    <xf numFmtId="0" fontId="32" fillId="0" borderId="0" xfId="0" applyFont="1" applyAlignment="1">
      <alignment horizontal="left" vertical="center"/>
    </xf>
    <xf numFmtId="0" fontId="22" fillId="0" borderId="0" xfId="0" applyFont="1" applyAlignment="1">
      <alignment horizontal="left" vertical="center"/>
    </xf>
    <xf numFmtId="0" fontId="25" fillId="0" borderId="6" xfId="0" applyFont="1" applyBorder="1" applyAlignment="1" applyProtection="1">
      <alignment horizontal="center" vertical="center"/>
      <protection locked="0"/>
    </xf>
    <xf numFmtId="0" fontId="25" fillId="0" borderId="7" xfId="0" applyFont="1" applyBorder="1" applyAlignment="1">
      <alignment horizontal="distributed" vertical="center"/>
    </xf>
    <xf numFmtId="0" fontId="27" fillId="0" borderId="3" xfId="0" applyFont="1" applyBorder="1" applyAlignment="1" applyProtection="1">
      <alignment horizontal="center" vertical="center"/>
      <protection locked="0"/>
    </xf>
    <xf numFmtId="0" fontId="27" fillId="0" borderId="3" xfId="0" applyFont="1" applyBorder="1">
      <alignment vertical="center"/>
    </xf>
    <xf numFmtId="0" fontId="25" fillId="0" borderId="10" xfId="0" applyFont="1" applyBorder="1" applyAlignment="1">
      <alignment horizontal="center" vertical="center"/>
    </xf>
    <xf numFmtId="0" fontId="26" fillId="0" borderId="38" xfId="0" applyFont="1" applyBorder="1" applyAlignment="1">
      <alignment horizontal="center" vertical="center"/>
    </xf>
    <xf numFmtId="0" fontId="25" fillId="0" borderId="24" xfId="0" applyFont="1" applyBorder="1" applyAlignment="1">
      <alignment horizontal="right" vertical="center"/>
    </xf>
    <xf numFmtId="0" fontId="26" fillId="0" borderId="33" xfId="0" applyFont="1" applyBorder="1" applyAlignment="1">
      <alignment horizontal="center" vertical="center"/>
    </xf>
    <xf numFmtId="0" fontId="23" fillId="0" borderId="39" xfId="0" applyFont="1" applyBorder="1">
      <alignment vertical="center"/>
    </xf>
    <xf numFmtId="0" fontId="23" fillId="0" borderId="34" xfId="0" applyFont="1" applyBorder="1">
      <alignment vertical="center"/>
    </xf>
    <xf numFmtId="0" fontId="23" fillId="0" borderId="40" xfId="0" applyFont="1" applyBorder="1">
      <alignment vertical="center"/>
    </xf>
    <xf numFmtId="0" fontId="22" fillId="0" borderId="3" xfId="0" applyFont="1" applyBorder="1" applyAlignment="1">
      <alignment horizontal="left" vertical="center"/>
    </xf>
    <xf numFmtId="49" fontId="25" fillId="0" borderId="4" xfId="0" applyNumberFormat="1" applyFont="1" applyBorder="1" applyAlignment="1">
      <alignment horizontal="distributed" vertical="center"/>
    </xf>
    <xf numFmtId="49" fontId="25" fillId="0" borderId="5" xfId="0" applyNumberFormat="1" applyFont="1" applyBorder="1" applyAlignment="1">
      <alignment horizontal="distributed" vertical="center"/>
    </xf>
    <xf numFmtId="49" fontId="25" fillId="0" borderId="6" xfId="0" applyNumberFormat="1" applyFont="1" applyBorder="1" applyAlignment="1">
      <alignment horizontal="distributed" vertical="center"/>
    </xf>
    <xf numFmtId="0" fontId="22" fillId="0" borderId="3" xfId="0" applyFont="1" applyBorder="1" applyAlignment="1">
      <alignment horizontal="center" vertical="center"/>
    </xf>
    <xf numFmtId="49" fontId="25" fillId="0" borderId="4" xfId="0" applyNumberFormat="1" applyFont="1" applyBorder="1" applyAlignment="1">
      <alignment horizontal="distributed" vertical="center" wrapText="1"/>
    </xf>
    <xf numFmtId="0" fontId="25" fillId="0" borderId="7" xfId="0" applyFont="1" applyBorder="1" applyAlignment="1">
      <alignment vertical="top" wrapText="1"/>
    </xf>
    <xf numFmtId="0" fontId="25" fillId="0" borderId="7" xfId="0" applyFont="1" applyBorder="1" applyAlignment="1">
      <alignment vertical="center" wrapText="1"/>
    </xf>
    <xf numFmtId="0" fontId="25" fillId="0" borderId="0" xfId="0" applyFont="1" applyAlignment="1">
      <alignment vertical="top"/>
    </xf>
    <xf numFmtId="0" fontId="25" fillId="0" borderId="1" xfId="0" applyFont="1" applyBorder="1" applyAlignment="1">
      <alignment vertical="top"/>
    </xf>
    <xf numFmtId="0" fontId="23" fillId="0" borderId="9" xfId="0" applyFont="1" applyBorder="1" applyAlignment="1">
      <alignment horizontal="center" vertical="center"/>
    </xf>
    <xf numFmtId="0" fontId="26" fillId="0" borderId="9" xfId="0" applyFont="1" applyBorder="1" applyAlignment="1">
      <alignment horizontal="center" vertical="center"/>
    </xf>
    <xf numFmtId="0" fontId="25" fillId="0" borderId="10" xfId="0" applyFont="1" applyBorder="1" applyAlignment="1">
      <alignment horizontal="left" vertical="center"/>
    </xf>
    <xf numFmtId="0" fontId="23" fillId="0" borderId="4" xfId="0" applyFont="1" applyBorder="1" applyAlignment="1">
      <alignment horizontal="center" vertical="center"/>
    </xf>
    <xf numFmtId="56" fontId="25" fillId="0" borderId="2" xfId="0" applyNumberFormat="1" applyFont="1" applyBorder="1" applyAlignment="1">
      <alignment horizontal="center" vertical="center"/>
    </xf>
    <xf numFmtId="0" fontId="23" fillId="0" borderId="2" xfId="0" applyFont="1" applyBorder="1" applyAlignment="1">
      <alignment vertical="top"/>
    </xf>
    <xf numFmtId="0" fontId="33" fillId="0" borderId="5" xfId="0" applyFont="1" applyBorder="1">
      <alignment vertical="center"/>
    </xf>
    <xf numFmtId="0" fontId="4" fillId="0" borderId="1" xfId="0" applyFont="1" applyBorder="1">
      <alignment vertical="center"/>
    </xf>
    <xf numFmtId="0" fontId="7" fillId="0" borderId="15" xfId="0" applyFont="1" applyBorder="1">
      <alignment vertical="center"/>
    </xf>
    <xf numFmtId="0" fontId="37" fillId="0" borderId="0" xfId="0" applyFont="1" applyAlignment="1">
      <alignment horizontal="left" vertical="center"/>
    </xf>
    <xf numFmtId="0" fontId="25" fillId="0" borderId="3" xfId="0" applyFont="1" applyBorder="1" applyAlignment="1" applyProtection="1">
      <alignment horizontal="left" vertical="center"/>
      <protection locked="0"/>
    </xf>
    <xf numFmtId="0" fontId="25" fillId="0" borderId="22" xfId="0" applyFont="1" applyBorder="1" applyAlignment="1">
      <alignment horizontal="center" vertical="center"/>
    </xf>
    <xf numFmtId="0" fontId="22" fillId="0" borderId="5" xfId="0" applyFont="1" applyBorder="1" applyAlignment="1">
      <alignment horizontal="distributed" vertical="center"/>
    </xf>
    <xf numFmtId="0" fontId="22" fillId="0" borderId="6" xfId="0" applyFont="1" applyBorder="1" applyAlignment="1">
      <alignment horizontal="distributed" vertical="center"/>
    </xf>
    <xf numFmtId="0" fontId="26" fillId="0" borderId="0" xfId="0" applyFont="1" applyAlignment="1"/>
    <xf numFmtId="0" fontId="38" fillId="0" borderId="0" xfId="0" applyFont="1">
      <alignment vertical="center"/>
    </xf>
    <xf numFmtId="0" fontId="26" fillId="0" borderId="0" xfId="0" applyFont="1">
      <alignment vertical="center"/>
    </xf>
    <xf numFmtId="0" fontId="23" fillId="0" borderId="3" xfId="0" applyFont="1" applyBorder="1" applyAlignment="1">
      <alignment horizontal="right" vertical="center"/>
    </xf>
    <xf numFmtId="0" fontId="25" fillId="0" borderId="36" xfId="0" applyFont="1" applyBorder="1" applyAlignment="1">
      <alignment horizontal="center" vertical="center"/>
    </xf>
    <xf numFmtId="0" fontId="25" fillId="0" borderId="22" xfId="0" applyFont="1" applyBorder="1" applyAlignment="1">
      <alignment horizontal="right" vertical="center"/>
    </xf>
    <xf numFmtId="0" fontId="25" fillId="0" borderId="37" xfId="0" applyFont="1" applyBorder="1" applyAlignment="1">
      <alignment horizontal="left" vertical="center"/>
    </xf>
    <xf numFmtId="0" fontId="26" fillId="0" borderId="2" xfId="0" applyFont="1" applyBorder="1">
      <alignment vertical="center"/>
    </xf>
    <xf numFmtId="0" fontId="25" fillId="0" borderId="37" xfId="0" applyFont="1" applyBorder="1" applyAlignment="1">
      <alignment horizontal="center" vertical="center"/>
    </xf>
    <xf numFmtId="0" fontId="26" fillId="0" borderId="4" xfId="0" applyFont="1" applyBorder="1">
      <alignment vertical="center"/>
    </xf>
    <xf numFmtId="49" fontId="25" fillId="0" borderId="0" xfId="0" applyNumberFormat="1" applyFont="1" applyAlignment="1">
      <alignment vertical="top" wrapText="1"/>
    </xf>
    <xf numFmtId="49" fontId="25" fillId="0" borderId="1" xfId="0" applyNumberFormat="1" applyFont="1" applyBorder="1" applyAlignment="1">
      <alignment vertical="top" wrapText="1"/>
    </xf>
    <xf numFmtId="0" fontId="25" fillId="0" borderId="5" xfId="0" applyFont="1" applyBorder="1" applyAlignment="1" applyProtection="1">
      <alignment horizontal="right" vertical="center"/>
      <protection locked="0"/>
    </xf>
    <xf numFmtId="0" fontId="25" fillId="0" borderId="3" xfId="0" applyFont="1" applyBorder="1" applyAlignment="1" applyProtection="1">
      <alignment horizontal="right" vertical="center"/>
      <protection locked="0"/>
    </xf>
    <xf numFmtId="0" fontId="25" fillId="0" borderId="0" xfId="0" applyFont="1" applyAlignment="1" applyProtection="1">
      <alignment horizontal="right" vertical="center"/>
      <protection locked="0"/>
    </xf>
    <xf numFmtId="0" fontId="39" fillId="0" borderId="0" xfId="0" applyFont="1">
      <alignment vertical="center"/>
    </xf>
    <xf numFmtId="0" fontId="24" fillId="0" borderId="0" xfId="0" applyFont="1">
      <alignment vertical="center"/>
    </xf>
    <xf numFmtId="0" fontId="28" fillId="0" borderId="2" xfId="0" applyFont="1" applyBorder="1" applyAlignment="1">
      <alignment vertical="center" wrapText="1"/>
    </xf>
    <xf numFmtId="0" fontId="28" fillId="0" borderId="0" xfId="0" applyFont="1" applyAlignment="1">
      <alignment vertical="center" wrapText="1"/>
    </xf>
    <xf numFmtId="0" fontId="28" fillId="0" borderId="1" xfId="0" applyFont="1" applyBorder="1" applyAlignment="1">
      <alignment vertical="center" wrapText="1"/>
    </xf>
    <xf numFmtId="0" fontId="32" fillId="0" borderId="0" xfId="0" applyFont="1" applyProtection="1">
      <alignment vertical="center"/>
      <protection locked="0"/>
    </xf>
    <xf numFmtId="49" fontId="25" fillId="0" borderId="7" xfId="2" applyNumberFormat="1" applyFont="1" applyBorder="1">
      <alignment vertical="center"/>
    </xf>
    <xf numFmtId="49" fontId="25" fillId="0" borderId="2" xfId="2" applyNumberFormat="1" applyFont="1" applyBorder="1">
      <alignment vertical="center"/>
    </xf>
    <xf numFmtId="49" fontId="25" fillId="0" borderId="5" xfId="2" applyNumberFormat="1" applyFont="1" applyBorder="1">
      <alignment vertical="center"/>
    </xf>
    <xf numFmtId="0" fontId="40" fillId="0" borderId="0" xfId="0" applyFont="1">
      <alignment vertical="center"/>
    </xf>
    <xf numFmtId="0" fontId="38" fillId="0" borderId="2" xfId="0" applyFont="1" applyBorder="1">
      <alignment vertical="center"/>
    </xf>
    <xf numFmtId="0" fontId="38" fillId="0" borderId="2" xfId="0" applyFont="1" applyBorder="1" applyAlignment="1">
      <alignment horizontal="distributed" vertical="center"/>
    </xf>
    <xf numFmtId="0" fontId="38" fillId="0" borderId="0" xfId="0" applyFont="1" applyAlignment="1">
      <alignment horizontal="distributed" vertical="center"/>
    </xf>
    <xf numFmtId="0" fontId="38" fillId="0" borderId="1" xfId="0" applyFont="1" applyBorder="1" applyAlignment="1">
      <alignment horizontal="distributed" vertical="center"/>
    </xf>
    <xf numFmtId="0" fontId="0" fillId="0" borderId="2" xfId="0" applyBorder="1">
      <alignment vertical="center"/>
    </xf>
    <xf numFmtId="0" fontId="0" fillId="0" borderId="1" xfId="0" applyBorder="1">
      <alignment vertical="center"/>
    </xf>
    <xf numFmtId="0" fontId="38" fillId="0" borderId="4" xfId="0" applyFont="1" applyBorder="1">
      <alignment vertical="center"/>
    </xf>
    <xf numFmtId="0" fontId="38" fillId="0" borderId="5" xfId="0" applyFont="1" applyBorder="1">
      <alignment vertical="center"/>
    </xf>
    <xf numFmtId="0" fontId="25" fillId="0" borderId="1" xfId="0" applyFont="1" applyBorder="1" applyAlignment="1" applyProtection="1">
      <alignment horizontal="center" vertical="center"/>
      <protection locked="0"/>
    </xf>
    <xf numFmtId="0" fontId="25" fillId="0" borderId="8" xfId="0" applyFont="1" applyBorder="1" applyAlignment="1" applyProtection="1">
      <alignment horizontal="center" vertical="center"/>
      <protection locked="0"/>
    </xf>
    <xf numFmtId="0" fontId="38" fillId="0" borderId="1" xfId="0" applyFont="1" applyBorder="1">
      <alignment vertical="center"/>
    </xf>
    <xf numFmtId="0" fontId="27" fillId="0" borderId="0" xfId="0" applyFont="1">
      <alignment vertical="center"/>
    </xf>
    <xf numFmtId="0" fontId="38" fillId="0" borderId="33" xfId="0" applyFont="1" applyBorder="1">
      <alignment vertical="center"/>
    </xf>
    <xf numFmtId="0" fontId="38" fillId="0" borderId="24" xfId="0" applyFont="1" applyBorder="1">
      <alignment vertical="center"/>
    </xf>
    <xf numFmtId="0" fontId="38" fillId="0" borderId="30" xfId="0" applyFont="1" applyBorder="1">
      <alignment vertical="center"/>
    </xf>
    <xf numFmtId="49" fontId="25" fillId="0" borderId="3" xfId="0" applyNumberFormat="1" applyFont="1" applyBorder="1" applyAlignment="1">
      <alignment horizontal="left" vertical="center"/>
    </xf>
    <xf numFmtId="0" fontId="0" fillId="0" borderId="7" xfId="0" applyBorder="1">
      <alignment vertical="center"/>
    </xf>
    <xf numFmtId="0" fontId="0" fillId="0" borderId="3" xfId="0" applyBorder="1">
      <alignment vertical="center"/>
    </xf>
    <xf numFmtId="0" fontId="38" fillId="0" borderId="8" xfId="0" applyFont="1" applyBorder="1">
      <alignment vertical="center"/>
    </xf>
    <xf numFmtId="49" fontId="25" fillId="0" borderId="5" xfId="0" applyNumberFormat="1" applyFont="1" applyBorder="1" applyAlignment="1">
      <alignment horizontal="left" vertical="center"/>
    </xf>
    <xf numFmtId="0" fontId="38" fillId="0" borderId="6" xfId="0" applyFont="1" applyBorder="1">
      <alignment vertical="center"/>
    </xf>
    <xf numFmtId="0" fontId="25" fillId="0" borderId="0" xfId="0" applyFont="1" applyAlignment="1">
      <alignment vertical="center" shrinkToFit="1"/>
    </xf>
    <xf numFmtId="0" fontId="25" fillId="0" borderId="1" xfId="0" applyFont="1" applyBorder="1" applyAlignment="1">
      <alignment vertical="center" shrinkToFit="1"/>
    </xf>
    <xf numFmtId="0" fontId="25" fillId="0" borderId="2" xfId="0" applyFont="1" applyBorder="1" applyAlignment="1" applyProtection="1">
      <alignment vertical="center" shrinkToFit="1"/>
      <protection locked="0"/>
    </xf>
    <xf numFmtId="0" fontId="38" fillId="0" borderId="3" xfId="0" applyFont="1" applyBorder="1">
      <alignment vertical="center"/>
    </xf>
    <xf numFmtId="0" fontId="28" fillId="0" borderId="4" xfId="0" applyFont="1" applyBorder="1" applyAlignment="1">
      <alignment vertical="center" wrapText="1"/>
    </xf>
    <xf numFmtId="0" fontId="28" fillId="0" borderId="5" xfId="0" applyFont="1" applyBorder="1" applyAlignment="1">
      <alignment vertical="center" wrapText="1"/>
    </xf>
    <xf numFmtId="0" fontId="28" fillId="0" borderId="6" xfId="0" applyFont="1" applyBorder="1" applyAlignment="1">
      <alignment vertical="center" wrapText="1"/>
    </xf>
    <xf numFmtId="0" fontId="24" fillId="0" borderId="11" xfId="0" applyFont="1" applyBorder="1">
      <alignment vertical="center"/>
    </xf>
    <xf numFmtId="0" fontId="24" fillId="0" borderId="9" xfId="0" applyFont="1" applyBorder="1">
      <alignment vertical="center"/>
    </xf>
    <xf numFmtId="0" fontId="24" fillId="0" borderId="10" xfId="0" applyFont="1" applyBorder="1">
      <alignment vertical="center"/>
    </xf>
    <xf numFmtId="0" fontId="25" fillId="0" borderId="5" xfId="0" applyFont="1" applyBorder="1" applyAlignment="1">
      <alignment vertical="top"/>
    </xf>
    <xf numFmtId="0" fontId="33" fillId="0" borderId="0" xfId="0" applyFont="1">
      <alignment vertical="center"/>
    </xf>
    <xf numFmtId="0" fontId="2" fillId="0" borderId="0" xfId="1"/>
    <xf numFmtId="0" fontId="33" fillId="0" borderId="5" xfId="0" applyFont="1" applyBorder="1" applyAlignment="1">
      <alignment vertical="top"/>
    </xf>
    <xf numFmtId="0" fontId="41" fillId="0" borderId="0" xfId="0" applyFont="1">
      <alignment vertical="center"/>
    </xf>
    <xf numFmtId="0" fontId="26" fillId="0" borderId="7" xfId="0" applyFont="1" applyBorder="1" applyAlignment="1" applyProtection="1">
      <alignment horizontal="center" vertical="center"/>
      <protection locked="0"/>
    </xf>
    <xf numFmtId="0" fontId="10" fillId="0" borderId="12" xfId="0" applyFont="1" applyBorder="1" applyAlignment="1">
      <alignment horizontal="center" vertical="center"/>
    </xf>
    <xf numFmtId="0" fontId="10" fillId="0" borderId="15" xfId="0" applyFont="1" applyBorder="1" applyAlignment="1">
      <alignment horizontal="center" vertical="center"/>
    </xf>
    <xf numFmtId="0" fontId="10" fillId="0" borderId="16" xfId="0" applyFont="1" applyBorder="1" applyAlignment="1">
      <alignment horizontal="center" vertical="center"/>
    </xf>
    <xf numFmtId="0" fontId="10" fillId="0" borderId="9" xfId="0" applyFont="1" applyBorder="1" applyAlignment="1">
      <alignment horizontal="center" vertical="center"/>
    </xf>
    <xf numFmtId="0" fontId="10" fillId="0" borderId="11" xfId="0" applyFont="1" applyBorder="1">
      <alignment vertical="center"/>
    </xf>
    <xf numFmtId="0" fontId="10" fillId="0" borderId="12" xfId="0" applyFont="1" applyBorder="1">
      <alignment vertical="center"/>
    </xf>
    <xf numFmtId="0" fontId="10" fillId="0" borderId="15" xfId="0" applyFont="1" applyBorder="1">
      <alignment vertical="center"/>
    </xf>
    <xf numFmtId="0" fontId="10" fillId="0" borderId="0" xfId="0" applyFont="1" applyAlignment="1">
      <alignment horizontal="center" vertical="center"/>
    </xf>
    <xf numFmtId="0" fontId="10" fillId="0" borderId="3" xfId="0" applyFont="1" applyBorder="1" applyAlignment="1">
      <alignment horizontal="center" vertical="center"/>
    </xf>
    <xf numFmtId="0" fontId="10" fillId="0" borderId="7" xfId="0" applyFont="1" applyBorder="1" applyAlignment="1">
      <alignment horizontal="center" vertical="center"/>
    </xf>
    <xf numFmtId="0" fontId="41" fillId="0" borderId="0" xfId="0" applyFont="1" applyAlignment="1">
      <alignment vertical="top"/>
    </xf>
    <xf numFmtId="0" fontId="25" fillId="0" borderId="2" xfId="0" applyFont="1" applyBorder="1" applyAlignment="1">
      <alignment horizontal="distributed" vertical="top" wrapText="1"/>
    </xf>
    <xf numFmtId="0" fontId="25" fillId="0" borderId="0" xfId="0" applyFont="1" applyAlignment="1">
      <alignment horizontal="distributed" vertical="top" wrapText="1"/>
    </xf>
    <xf numFmtId="0" fontId="25" fillId="0" borderId="1" xfId="0" applyFont="1" applyBorder="1" applyAlignment="1">
      <alignment horizontal="distributed" vertical="top" wrapText="1"/>
    </xf>
    <xf numFmtId="0" fontId="26" fillId="0" borderId="7" xfId="3" applyFont="1" applyBorder="1" applyAlignment="1" applyProtection="1">
      <alignment horizontal="center" vertical="center"/>
      <protection locked="0"/>
    </xf>
    <xf numFmtId="0" fontId="25" fillId="0" borderId="3" xfId="3" applyFont="1" applyBorder="1" applyAlignment="1">
      <alignment horizontal="left" vertical="center"/>
    </xf>
    <xf numFmtId="0" fontId="43" fillId="0" borderId="0" xfId="0" applyFont="1">
      <alignment vertical="center"/>
    </xf>
    <xf numFmtId="0" fontId="5" fillId="0" borderId="11" xfId="0" applyFont="1" applyBorder="1" applyAlignment="1">
      <alignment horizontal="left" vertical="center"/>
    </xf>
    <xf numFmtId="0" fontId="5" fillId="0" borderId="9" xfId="0" applyFont="1" applyBorder="1" applyAlignment="1">
      <alignment horizontal="left" vertical="center"/>
    </xf>
    <xf numFmtId="0" fontId="5" fillId="0" borderId="10" xfId="0" applyFont="1" applyBorder="1" applyAlignment="1">
      <alignment horizontal="left" vertical="center"/>
    </xf>
    <xf numFmtId="0" fontId="4" fillId="0" borderId="13" xfId="0" applyFont="1" applyBorder="1" applyAlignment="1">
      <alignment horizontal="left" vertical="center"/>
    </xf>
    <xf numFmtId="0" fontId="4" fillId="0" borderId="14" xfId="0" applyFont="1" applyBorder="1" applyAlignment="1">
      <alignment horizontal="left" vertical="center"/>
    </xf>
    <xf numFmtId="49" fontId="4" fillId="0" borderId="7" xfId="0" applyNumberFormat="1" applyFont="1" applyBorder="1" applyAlignment="1">
      <alignment horizontal="left" vertical="center" wrapText="1"/>
    </xf>
    <xf numFmtId="49" fontId="4" fillId="0" borderId="3" xfId="0" applyNumberFormat="1" applyFont="1" applyBorder="1" applyAlignment="1">
      <alignment horizontal="left" vertical="center" wrapText="1"/>
    </xf>
    <xf numFmtId="49" fontId="4" fillId="0" borderId="8" xfId="0" applyNumberFormat="1" applyFont="1" applyBorder="1" applyAlignment="1">
      <alignment horizontal="left" vertical="center" wrapText="1"/>
    </xf>
    <xf numFmtId="49" fontId="4" fillId="0" borderId="2" xfId="0" applyNumberFormat="1" applyFont="1" applyBorder="1" applyAlignment="1">
      <alignment horizontal="left" vertical="center" wrapText="1"/>
    </xf>
    <xf numFmtId="49" fontId="4" fillId="0" borderId="0" xfId="0" applyNumberFormat="1" applyFont="1" applyAlignment="1">
      <alignment horizontal="left" vertical="center" wrapText="1"/>
    </xf>
    <xf numFmtId="49" fontId="4" fillId="0" borderId="1" xfId="0" applyNumberFormat="1" applyFont="1" applyBorder="1" applyAlignment="1">
      <alignment horizontal="left" vertical="center" wrapText="1"/>
    </xf>
    <xf numFmtId="49" fontId="4" fillId="0" borderId="4" xfId="0" applyNumberFormat="1" applyFont="1" applyBorder="1" applyAlignment="1">
      <alignment horizontal="left" vertical="center" wrapText="1"/>
    </xf>
    <xf numFmtId="49" fontId="4" fillId="0" borderId="5" xfId="0" applyNumberFormat="1" applyFont="1" applyBorder="1" applyAlignment="1">
      <alignment horizontal="left" vertical="center" wrapText="1"/>
    </xf>
    <xf numFmtId="49" fontId="4" fillId="0" borderId="6" xfId="0" applyNumberFormat="1" applyFont="1" applyBorder="1" applyAlignment="1">
      <alignment horizontal="left" vertical="center" wrapText="1"/>
    </xf>
    <xf numFmtId="0" fontId="4" fillId="0" borderId="11" xfId="0" applyFont="1" applyBorder="1" applyAlignment="1">
      <alignment horizontal="left" vertical="center"/>
    </xf>
    <xf numFmtId="0" fontId="4" fillId="0" borderId="9" xfId="0" applyFont="1" applyBorder="1" applyAlignment="1">
      <alignment horizontal="left" vertical="center"/>
    </xf>
    <xf numFmtId="0" fontId="4" fillId="0" borderId="10" xfId="0" applyFont="1" applyBorder="1" applyAlignment="1">
      <alignment horizontal="left" vertical="center"/>
    </xf>
    <xf numFmtId="0" fontId="4" fillId="0" borderId="0" xfId="0" applyFont="1" applyAlignment="1">
      <alignment horizontal="center" vertical="center"/>
    </xf>
    <xf numFmtId="0" fontId="4" fillId="0" borderId="5" xfId="0" applyFont="1" applyBorder="1" applyAlignment="1">
      <alignment horizontal="center" vertical="center"/>
    </xf>
    <xf numFmtId="0" fontId="14" fillId="0" borderId="5" xfId="0" applyFont="1" applyBorder="1" applyAlignment="1">
      <alignment horizontal="center" vertical="center"/>
    </xf>
    <xf numFmtId="0" fontId="4" fillId="0" borderId="3" xfId="0" applyFont="1" applyBorder="1" applyAlignment="1">
      <alignment horizontal="center" vertical="center"/>
    </xf>
    <xf numFmtId="0" fontId="4" fillId="0" borderId="11" xfId="0" applyFont="1" applyBorder="1" applyAlignment="1">
      <alignment horizontal="center" vertical="center"/>
    </xf>
    <xf numFmtId="0" fontId="4" fillId="0" borderId="9" xfId="0" applyFont="1" applyBorder="1" applyAlignment="1">
      <alignment horizontal="center" vertical="center"/>
    </xf>
    <xf numFmtId="0" fontId="4" fillId="0" borderId="10" xfId="0" applyFont="1" applyBorder="1" applyAlignment="1">
      <alignment horizontal="center" vertical="center"/>
    </xf>
    <xf numFmtId="0" fontId="25" fillId="0" borderId="22" xfId="0" applyFont="1" applyBorder="1" applyAlignment="1">
      <alignment horizontal="center" vertical="center"/>
    </xf>
    <xf numFmtId="0" fontId="25" fillId="0" borderId="0" xfId="0" applyFont="1" applyAlignment="1">
      <alignment horizontal="center" vertical="center"/>
    </xf>
    <xf numFmtId="0" fontId="25" fillId="0" borderId="24" xfId="0" applyFont="1" applyBorder="1" applyAlignment="1">
      <alignment horizontal="center" vertical="center"/>
    </xf>
    <xf numFmtId="0" fontId="25" fillId="0" borderId="26" xfId="0" applyFont="1" applyBorder="1" applyAlignment="1">
      <alignment horizontal="center" vertical="center"/>
    </xf>
    <xf numFmtId="49" fontId="25" fillId="0" borderId="7" xfId="0" applyNumberFormat="1" applyFont="1" applyBorder="1" applyAlignment="1">
      <alignment horizontal="distributed" vertical="center" wrapText="1"/>
    </xf>
    <xf numFmtId="49" fontId="25" fillId="0" borderId="3" xfId="0" applyNumberFormat="1" applyFont="1" applyBorder="1" applyAlignment="1">
      <alignment horizontal="distributed" vertical="center" wrapText="1"/>
    </xf>
    <xf numFmtId="49" fontId="25" fillId="0" borderId="8" xfId="0" applyNumberFormat="1" applyFont="1" applyBorder="1" applyAlignment="1">
      <alignment horizontal="distributed" vertical="center" wrapText="1"/>
    </xf>
    <xf numFmtId="0" fontId="25" fillId="0" borderId="7" xfId="0" applyFont="1" applyBorder="1" applyAlignment="1">
      <alignment horizontal="distributed" vertical="center"/>
    </xf>
    <xf numFmtId="0" fontId="25" fillId="0" borderId="3" xfId="0" applyFont="1" applyBorder="1" applyAlignment="1">
      <alignment horizontal="distributed" vertical="center"/>
    </xf>
    <xf numFmtId="0" fontId="25" fillId="0" borderId="8" xfId="0" applyFont="1" applyBorder="1" applyAlignment="1">
      <alignment horizontal="distributed" vertical="center"/>
    </xf>
    <xf numFmtId="0" fontId="25" fillId="0" borderId="7" xfId="0" applyFont="1" applyBorder="1" applyAlignment="1">
      <alignment horizontal="center" vertical="center" wrapText="1"/>
    </xf>
    <xf numFmtId="0" fontId="25" fillId="0" borderId="3" xfId="0" applyFont="1" applyBorder="1" applyAlignment="1">
      <alignment horizontal="center" vertical="center" wrapText="1"/>
    </xf>
    <xf numFmtId="0" fontId="25" fillId="0" borderId="8" xfId="0" applyFont="1" applyBorder="1" applyAlignment="1">
      <alignment horizontal="center" vertical="center" wrapText="1"/>
    </xf>
    <xf numFmtId="0" fontId="25" fillId="0" borderId="2" xfId="0" applyFont="1" applyBorder="1" applyAlignment="1">
      <alignment horizontal="center" vertical="center" wrapText="1"/>
    </xf>
    <xf numFmtId="0" fontId="25" fillId="0" borderId="0" xfId="0" applyFont="1" applyAlignment="1">
      <alignment horizontal="center" vertical="center" wrapText="1"/>
    </xf>
    <xf numFmtId="0" fontId="25" fillId="0" borderId="1" xfId="0" applyFont="1" applyBorder="1" applyAlignment="1">
      <alignment horizontal="center" vertical="center" wrapText="1"/>
    </xf>
    <xf numFmtId="49" fontId="25" fillId="0" borderId="2" xfId="0" applyNumberFormat="1" applyFont="1" applyBorder="1" applyAlignment="1">
      <alignment horizontal="distributed" vertical="center" wrapText="1"/>
    </xf>
    <xf numFmtId="49" fontId="25" fillId="0" borderId="0" xfId="0" applyNumberFormat="1" applyFont="1" applyAlignment="1">
      <alignment horizontal="distributed" vertical="center" wrapText="1"/>
    </xf>
    <xf numFmtId="49" fontId="25" fillId="0" borderId="1" xfId="0" applyNumberFormat="1" applyFont="1" applyBorder="1" applyAlignment="1">
      <alignment horizontal="distributed" vertical="center" wrapText="1"/>
    </xf>
    <xf numFmtId="0" fontId="25" fillId="0" borderId="2" xfId="0" applyFont="1" applyBorder="1" applyAlignment="1">
      <alignment horizontal="distributed" vertical="center"/>
    </xf>
    <xf numFmtId="0" fontId="25" fillId="0" borderId="0" xfId="0" applyFont="1" applyAlignment="1">
      <alignment horizontal="distributed" vertical="center"/>
    </xf>
    <xf numFmtId="0" fontId="25" fillId="0" borderId="1" xfId="0" applyFont="1" applyBorder="1" applyAlignment="1">
      <alignment horizontal="distributed" vertical="center"/>
    </xf>
    <xf numFmtId="0" fontId="25" fillId="0" borderId="7" xfId="0" applyFont="1" applyBorder="1" applyAlignment="1">
      <alignment horizontal="center" vertical="center"/>
    </xf>
    <xf numFmtId="0" fontId="25" fillId="0" borderId="3" xfId="0" applyFont="1" applyBorder="1" applyAlignment="1">
      <alignment horizontal="center" vertical="center"/>
    </xf>
    <xf numFmtId="0" fontId="25" fillId="0" borderId="8" xfId="0" applyFont="1" applyBorder="1" applyAlignment="1">
      <alignment horizontal="center" vertical="center"/>
    </xf>
    <xf numFmtId="0" fontId="25" fillId="0" borderId="4" xfId="0" applyFont="1" applyBorder="1" applyAlignment="1">
      <alignment horizontal="center" vertical="center"/>
    </xf>
    <xf numFmtId="0" fontId="25" fillId="0" borderId="5" xfId="0" applyFont="1" applyBorder="1" applyAlignment="1">
      <alignment horizontal="center" vertical="center"/>
    </xf>
    <xf numFmtId="0" fontId="25" fillId="0" borderId="6" xfId="0" applyFont="1" applyBorder="1" applyAlignment="1">
      <alignment horizontal="center" vertical="center"/>
    </xf>
    <xf numFmtId="0" fontId="25" fillId="0" borderId="11" xfId="0" applyFont="1" applyBorder="1" applyAlignment="1">
      <alignment horizontal="center" vertical="center"/>
    </xf>
    <xf numFmtId="0" fontId="25" fillId="0" borderId="9" xfId="0" applyFont="1" applyBorder="1" applyAlignment="1">
      <alignment horizontal="center" vertical="center"/>
    </xf>
    <xf numFmtId="0" fontId="25" fillId="0" borderId="25" xfId="0" applyFont="1" applyBorder="1" applyAlignment="1">
      <alignment horizontal="center" vertical="center"/>
    </xf>
    <xf numFmtId="0" fontId="25" fillId="0" borderId="4" xfId="0" applyFont="1" applyBorder="1" applyAlignment="1">
      <alignment horizontal="distributed" vertical="center"/>
    </xf>
    <xf numFmtId="0" fontId="25" fillId="0" borderId="5" xfId="0" applyFont="1" applyBorder="1" applyAlignment="1">
      <alignment horizontal="distributed" vertical="center"/>
    </xf>
    <xf numFmtId="0" fontId="25" fillId="0" borderId="6" xfId="0" applyFont="1" applyBorder="1" applyAlignment="1">
      <alignment horizontal="distributed" vertical="center"/>
    </xf>
    <xf numFmtId="0" fontId="25" fillId="0" borderId="11" xfId="0" applyFont="1" applyBorder="1" applyAlignment="1">
      <alignment horizontal="distributed" vertical="center"/>
    </xf>
    <xf numFmtId="0" fontId="25" fillId="0" borderId="9" xfId="0" applyFont="1" applyBorder="1" applyAlignment="1">
      <alignment horizontal="distributed" vertical="center"/>
    </xf>
    <xf numFmtId="0" fontId="25" fillId="0" borderId="10" xfId="0" applyFont="1" applyBorder="1" applyAlignment="1">
      <alignment horizontal="distributed" vertical="center"/>
    </xf>
    <xf numFmtId="0" fontId="23" fillId="0" borderId="22" xfId="0" applyFont="1" applyBorder="1" applyAlignment="1">
      <alignment horizontal="center" vertical="center"/>
    </xf>
    <xf numFmtId="0" fontId="23" fillId="0" borderId="5" xfId="0" applyFont="1" applyBorder="1" applyAlignment="1">
      <alignment horizontal="center" vertical="center"/>
    </xf>
    <xf numFmtId="0" fontId="25" fillId="0" borderId="24" xfId="0" applyFont="1" applyBorder="1" applyAlignment="1">
      <alignment horizontal="center" vertical="center" shrinkToFit="1"/>
    </xf>
    <xf numFmtId="0" fontId="25" fillId="0" borderId="20" xfId="0" applyFont="1" applyBorder="1" applyAlignment="1">
      <alignment horizontal="left" vertical="center"/>
    </xf>
    <xf numFmtId="0" fontId="25" fillId="0" borderId="5" xfId="0" applyFont="1" applyBorder="1" applyAlignment="1" applyProtection="1">
      <alignment horizontal="center" vertical="center"/>
      <protection locked="0"/>
    </xf>
    <xf numFmtId="0" fontId="22" fillId="0" borderId="0" xfId="0" applyFont="1" applyAlignment="1">
      <alignment horizontal="center" vertical="center"/>
    </xf>
    <xf numFmtId="0" fontId="25" fillId="0" borderId="7" xfId="0" applyFont="1" applyBorder="1" applyAlignment="1">
      <alignment horizontal="distributed" vertical="center" wrapText="1"/>
    </xf>
    <xf numFmtId="0" fontId="25" fillId="0" borderId="3" xfId="0" applyFont="1" applyBorder="1" applyAlignment="1">
      <alignment horizontal="distributed" vertical="center" wrapText="1"/>
    </xf>
    <xf numFmtId="0" fontId="25" fillId="0" borderId="8" xfId="0" applyFont="1" applyBorder="1" applyAlignment="1">
      <alignment horizontal="distributed" vertical="center" wrapText="1"/>
    </xf>
    <xf numFmtId="0" fontId="23" fillId="0" borderId="3" xfId="0" applyFont="1" applyBorder="1" applyAlignment="1">
      <alignment horizontal="center" vertical="center"/>
    </xf>
    <xf numFmtId="0" fontId="22" fillId="0" borderId="0" xfId="0" applyFont="1" applyAlignment="1">
      <alignment horizontal="distributed" vertical="center"/>
    </xf>
    <xf numFmtId="0" fontId="22" fillId="0" borderId="1" xfId="0" applyFont="1" applyBorder="1" applyAlignment="1">
      <alignment horizontal="distributed" vertical="center"/>
    </xf>
    <xf numFmtId="0" fontId="23" fillId="0" borderId="0" xfId="0" applyFont="1" applyAlignment="1">
      <alignment horizontal="center" vertical="center"/>
    </xf>
    <xf numFmtId="0" fontId="25" fillId="0" borderId="0" xfId="0" applyFont="1" applyAlignment="1" applyProtection="1">
      <alignment horizontal="center" vertical="center"/>
      <protection locked="0"/>
    </xf>
    <xf numFmtId="3" fontId="25" fillId="0" borderId="3" xfId="0" applyNumberFormat="1" applyFont="1" applyBorder="1" applyAlignment="1">
      <alignment horizontal="center" vertical="center"/>
    </xf>
    <xf numFmtId="49" fontId="25" fillId="0" borderId="7" xfId="0" applyNumberFormat="1" applyFont="1" applyBorder="1" applyAlignment="1">
      <alignment horizontal="distributed" vertical="center"/>
    </xf>
    <xf numFmtId="49" fontId="25" fillId="0" borderId="3" xfId="0" applyNumberFormat="1" applyFont="1" applyBorder="1" applyAlignment="1">
      <alignment horizontal="distributed" vertical="center"/>
    </xf>
    <xf numFmtId="49" fontId="25" fillId="0" borderId="8" xfId="0" applyNumberFormat="1" applyFont="1" applyBorder="1" applyAlignment="1">
      <alignment horizontal="distributed" vertical="center"/>
    </xf>
    <xf numFmtId="0" fontId="25" fillId="0" borderId="3" xfId="0" applyFont="1" applyBorder="1" applyAlignment="1" applyProtection="1">
      <alignment horizontal="center" vertical="center"/>
      <protection locked="0"/>
    </xf>
    <xf numFmtId="0" fontId="25" fillId="0" borderId="2" xfId="0" applyFont="1" applyBorder="1" applyAlignment="1">
      <alignment horizontal="distributed" vertical="center" wrapText="1"/>
    </xf>
    <xf numFmtId="0" fontId="25" fillId="0" borderId="0" xfId="0" applyFont="1" applyAlignment="1">
      <alignment horizontal="distributed" vertical="center" wrapText="1"/>
    </xf>
    <xf numFmtId="0" fontId="25" fillId="0" borderId="1" xfId="0" applyFont="1" applyBorder="1" applyAlignment="1">
      <alignment horizontal="distributed" vertical="center" wrapText="1"/>
    </xf>
    <xf numFmtId="0" fontId="25" fillId="0" borderId="0" xfId="0" applyFont="1" applyAlignment="1" applyProtection="1">
      <alignment horizontal="left" vertical="center"/>
      <protection locked="0"/>
    </xf>
    <xf numFmtId="0" fontId="25" fillId="0" borderId="5" xfId="0" applyFont="1" applyBorder="1" applyAlignment="1" applyProtection="1">
      <alignment horizontal="left" vertical="center"/>
      <protection locked="0"/>
    </xf>
    <xf numFmtId="0" fontId="22" fillId="0" borderId="3" xfId="0" applyFont="1" applyBorder="1">
      <alignment vertical="center"/>
    </xf>
    <xf numFmtId="0" fontId="25" fillId="0" borderId="9" xfId="0" applyFont="1" applyBorder="1" applyAlignment="1" applyProtection="1">
      <alignment horizontal="center" vertical="center"/>
      <protection locked="0"/>
    </xf>
    <xf numFmtId="0" fontId="25" fillId="0" borderId="19" xfId="0" applyFont="1" applyBorder="1" applyAlignment="1">
      <alignment horizontal="distributed" vertical="center"/>
    </xf>
    <xf numFmtId="0" fontId="25" fillId="0" borderId="2" xfId="0" applyFont="1" applyBorder="1" applyAlignment="1">
      <alignment horizontal="center" vertical="center"/>
    </xf>
    <xf numFmtId="0" fontId="25" fillId="0" borderId="1" xfId="0" applyFont="1" applyBorder="1" applyAlignment="1">
      <alignment horizontal="center" vertical="center"/>
    </xf>
    <xf numFmtId="0" fontId="28" fillId="0" borderId="2" xfId="0" applyFont="1" applyBorder="1" applyAlignment="1">
      <alignment horizontal="center" vertical="center"/>
    </xf>
    <xf numFmtId="0" fontId="28" fillId="0" borderId="0" xfId="0" applyFont="1" applyAlignment="1">
      <alignment horizontal="center" vertical="center"/>
    </xf>
    <xf numFmtId="0" fontId="28" fillId="0" borderId="1" xfId="0" applyFont="1" applyBorder="1" applyAlignment="1">
      <alignment horizontal="center" vertical="center"/>
    </xf>
    <xf numFmtId="0" fontId="22" fillId="0" borderId="3" xfId="0" applyFont="1" applyBorder="1" applyAlignment="1">
      <alignment horizontal="distributed" vertical="center"/>
    </xf>
    <xf numFmtId="0" fontId="22" fillId="0" borderId="8" xfId="0" applyFont="1" applyBorder="1" applyAlignment="1">
      <alignment horizontal="distributed" vertical="center"/>
    </xf>
    <xf numFmtId="0" fontId="28" fillId="0" borderId="7" xfId="0" applyFont="1" applyBorder="1" applyAlignment="1">
      <alignment horizontal="distributed" vertical="center"/>
    </xf>
    <xf numFmtId="0" fontId="28" fillId="0" borderId="3" xfId="0" applyFont="1" applyBorder="1" applyAlignment="1">
      <alignment horizontal="distributed" vertical="center"/>
    </xf>
    <xf numFmtId="0" fontId="28" fillId="0" borderId="8" xfId="0" applyFont="1" applyBorder="1" applyAlignment="1">
      <alignment horizontal="distributed" vertical="center"/>
    </xf>
    <xf numFmtId="0" fontId="25" fillId="0" borderId="7" xfId="0" applyFont="1" applyBorder="1" applyAlignment="1">
      <alignment horizontal="left" vertical="center" wrapText="1"/>
    </xf>
    <xf numFmtId="0" fontId="25" fillId="0" borderId="3" xfId="0" applyFont="1" applyBorder="1" applyAlignment="1">
      <alignment horizontal="left" vertical="center" wrapText="1"/>
    </xf>
    <xf numFmtId="0" fontId="25" fillId="0" borderId="8" xfId="0" applyFont="1" applyBorder="1" applyAlignment="1">
      <alignment horizontal="left" vertical="center" wrapText="1"/>
    </xf>
    <xf numFmtId="0" fontId="25" fillId="0" borderId="2" xfId="0" applyFont="1" applyBorder="1" applyAlignment="1">
      <alignment horizontal="left" vertical="center" wrapText="1"/>
    </xf>
    <xf numFmtId="0" fontId="25" fillId="0" borderId="0" xfId="0" applyFont="1" applyAlignment="1">
      <alignment horizontal="left" vertical="center" wrapText="1"/>
    </xf>
    <xf numFmtId="0" fontId="25" fillId="0" borderId="1" xfId="0" applyFont="1" applyBorder="1" applyAlignment="1">
      <alignment horizontal="left" vertical="center" wrapText="1"/>
    </xf>
    <xf numFmtId="0" fontId="25" fillId="0" borderId="0" xfId="0" applyFont="1" applyAlignment="1">
      <alignment horizontal="left" vertical="center"/>
    </xf>
    <xf numFmtId="0" fontId="25" fillId="0" borderId="7" xfId="0" applyFont="1" applyBorder="1" applyAlignment="1">
      <alignment horizontal="distributed" vertical="top" wrapText="1"/>
    </xf>
    <xf numFmtId="0" fontId="25" fillId="0" borderId="3" xfId="0" applyFont="1" applyBorder="1" applyAlignment="1">
      <alignment horizontal="distributed" vertical="top" wrapText="1"/>
    </xf>
    <xf numFmtId="0" fontId="25" fillId="0" borderId="8" xfId="0" applyFont="1" applyBorder="1" applyAlignment="1">
      <alignment horizontal="distributed" vertical="top" wrapText="1"/>
    </xf>
    <xf numFmtId="0" fontId="25" fillId="0" borderId="2" xfId="0" applyFont="1" applyBorder="1" applyAlignment="1">
      <alignment horizontal="distributed" vertical="top" wrapText="1"/>
    </xf>
    <xf numFmtId="0" fontId="25" fillId="0" borderId="0" xfId="0" applyFont="1" applyAlignment="1">
      <alignment horizontal="distributed" vertical="top" wrapText="1"/>
    </xf>
    <xf numFmtId="0" fontId="25" fillId="0" borderId="1" xfId="0" applyFont="1" applyBorder="1" applyAlignment="1">
      <alignment horizontal="distributed" vertical="top" wrapText="1"/>
    </xf>
    <xf numFmtId="0" fontId="25" fillId="0" borderId="7" xfId="0" applyFont="1" applyBorder="1" applyAlignment="1">
      <alignment horizontal="distributed" vertical="top"/>
    </xf>
    <xf numFmtId="0" fontId="25" fillId="0" borderId="3" xfId="0" applyFont="1" applyBorder="1" applyAlignment="1">
      <alignment horizontal="distributed" vertical="top"/>
    </xf>
    <xf numFmtId="0" fontId="25" fillId="0" borderId="8" xfId="0" applyFont="1" applyBorder="1" applyAlignment="1">
      <alignment horizontal="distributed" vertical="top"/>
    </xf>
    <xf numFmtId="0" fontId="25" fillId="0" borderId="2" xfId="0" applyFont="1" applyBorder="1" applyAlignment="1">
      <alignment horizontal="distributed" vertical="top"/>
    </xf>
    <xf numFmtId="0" fontId="25" fillId="0" borderId="0" xfId="0" applyFont="1" applyAlignment="1">
      <alignment horizontal="distributed" vertical="top"/>
    </xf>
    <xf numFmtId="0" fontId="25" fillId="0" borderId="1" xfId="0" applyFont="1" applyBorder="1" applyAlignment="1">
      <alignment horizontal="distributed" vertical="top"/>
    </xf>
    <xf numFmtId="0" fontId="32" fillId="0" borderId="0" xfId="0" applyFont="1" applyAlignment="1">
      <alignment horizontal="center" vertical="center"/>
    </xf>
    <xf numFmtId="0" fontId="32" fillId="0" borderId="2" xfId="0" applyFont="1" applyBorder="1" applyAlignment="1">
      <alignment horizontal="distributed" vertical="center" wrapText="1"/>
    </xf>
    <xf numFmtId="0" fontId="32" fillId="0" borderId="0" xfId="0" applyFont="1" applyAlignment="1">
      <alignment horizontal="distributed" vertical="center" wrapText="1"/>
    </xf>
    <xf numFmtId="0" fontId="32" fillId="0" borderId="4" xfId="0" applyFont="1" applyBorder="1" applyAlignment="1">
      <alignment horizontal="distributed" vertical="center" wrapText="1"/>
    </xf>
    <xf numFmtId="0" fontId="32" fillId="0" borderId="5" xfId="0" applyFont="1" applyBorder="1" applyAlignment="1">
      <alignment horizontal="distributed" vertical="center" wrapText="1"/>
    </xf>
    <xf numFmtId="49" fontId="25" fillId="0" borderId="2" xfId="0" applyNumberFormat="1" applyFont="1" applyBorder="1" applyAlignment="1">
      <alignment horizontal="distributed" vertical="center"/>
    </xf>
    <xf numFmtId="49" fontId="25" fillId="0" borderId="0" xfId="0" applyNumberFormat="1" applyFont="1" applyAlignment="1">
      <alignment horizontal="distributed" vertical="center"/>
    </xf>
    <xf numFmtId="49" fontId="25" fillId="0" borderId="1" xfId="0" applyNumberFormat="1" applyFont="1" applyBorder="1" applyAlignment="1">
      <alignment horizontal="distributed" vertical="center"/>
    </xf>
    <xf numFmtId="0" fontId="25" fillId="0" borderId="4" xfId="0" applyFont="1" applyBorder="1" applyAlignment="1">
      <alignment horizontal="distributed" vertical="center" wrapText="1"/>
    </xf>
    <xf numFmtId="0" fontId="25" fillId="0" borderId="5" xfId="0" applyFont="1" applyBorder="1" applyAlignment="1">
      <alignment horizontal="distributed" vertical="center" wrapText="1"/>
    </xf>
    <xf numFmtId="0" fontId="25" fillId="0" borderId="6" xfId="0" applyFont="1" applyBorder="1" applyAlignment="1">
      <alignment horizontal="distributed" vertical="center" wrapText="1"/>
    </xf>
    <xf numFmtId="0" fontId="23" fillId="0" borderId="2" xfId="0" applyFont="1" applyBorder="1" applyAlignment="1">
      <alignment horizontal="left" vertical="center" wrapText="1"/>
    </xf>
    <xf numFmtId="0" fontId="23" fillId="0" borderId="0" xfId="0" applyFont="1" applyAlignment="1">
      <alignment horizontal="left" vertical="center" wrapText="1"/>
    </xf>
    <xf numFmtId="0" fontId="23" fillId="0" borderId="1" xfId="0" applyFont="1" applyBorder="1" applyAlignment="1">
      <alignment horizontal="left" vertical="center" wrapText="1"/>
    </xf>
    <xf numFmtId="0" fontId="25" fillId="0" borderId="2" xfId="0" applyFont="1" applyBorder="1" applyAlignment="1">
      <alignment horizontal="left" vertical="top" wrapText="1"/>
    </xf>
    <xf numFmtId="0" fontId="25" fillId="0" borderId="0" xfId="0" applyFont="1" applyAlignment="1">
      <alignment horizontal="left" vertical="top" wrapText="1"/>
    </xf>
    <xf numFmtId="0" fontId="25" fillId="0" borderId="1" xfId="0" applyFont="1" applyBorder="1" applyAlignment="1">
      <alignment horizontal="left" vertical="top" wrapText="1"/>
    </xf>
    <xf numFmtId="49" fontId="25" fillId="0" borderId="4" xfId="0" applyNumberFormat="1" applyFont="1" applyBorder="1" applyAlignment="1">
      <alignment horizontal="distributed" vertical="center" wrapText="1"/>
    </xf>
    <xf numFmtId="0" fontId="22" fillId="0" borderId="5" xfId="0" applyFont="1" applyBorder="1" applyAlignment="1">
      <alignment horizontal="distributed" vertical="center" wrapText="1"/>
    </xf>
    <xf numFmtId="0" fontId="22" fillId="0" borderId="6" xfId="0" applyFont="1" applyBorder="1" applyAlignment="1">
      <alignment horizontal="distributed" vertical="center" wrapText="1"/>
    </xf>
    <xf numFmtId="0" fontId="22" fillId="0" borderId="0" xfId="0" applyFont="1" applyAlignment="1">
      <alignment horizontal="distributed" vertical="center" wrapText="1"/>
    </xf>
    <xf numFmtId="0" fontId="22" fillId="0" borderId="1" xfId="0" applyFont="1" applyBorder="1" applyAlignment="1">
      <alignment horizontal="distributed" vertical="center" wrapText="1"/>
    </xf>
    <xf numFmtId="49" fontId="25" fillId="0" borderId="4" xfId="0" applyNumberFormat="1" applyFont="1" applyBorder="1" applyAlignment="1">
      <alignment horizontal="distributed" vertical="center"/>
    </xf>
    <xf numFmtId="49" fontId="25" fillId="0" borderId="5" xfId="0" applyNumberFormat="1" applyFont="1" applyBorder="1" applyAlignment="1">
      <alignment horizontal="distributed" vertical="center"/>
    </xf>
    <xf numFmtId="49" fontId="25" fillId="0" borderId="6" xfId="0" applyNumberFormat="1" applyFont="1" applyBorder="1" applyAlignment="1">
      <alignment horizontal="distributed" vertical="center"/>
    </xf>
    <xf numFmtId="49" fontId="28" fillId="0" borderId="2" xfId="0" applyNumberFormat="1" applyFont="1" applyBorder="1" applyAlignment="1">
      <alignment horizontal="distributed" vertical="center"/>
    </xf>
    <xf numFmtId="49" fontId="28" fillId="0" borderId="0" xfId="0" applyNumberFormat="1" applyFont="1" applyAlignment="1">
      <alignment horizontal="distributed" vertical="center"/>
    </xf>
    <xf numFmtId="49" fontId="28" fillId="0" borderId="1" xfId="0" applyNumberFormat="1" applyFont="1" applyBorder="1" applyAlignment="1">
      <alignment horizontal="distributed" vertical="center"/>
    </xf>
    <xf numFmtId="0" fontId="25" fillId="0" borderId="5" xfId="0" applyFont="1" applyBorder="1" applyAlignment="1">
      <alignment horizontal="left" vertical="center" shrinkToFit="1"/>
    </xf>
    <xf numFmtId="0" fontId="22" fillId="0" borderId="9" xfId="0" applyFont="1" applyBorder="1" applyAlignment="1">
      <alignment horizontal="distributed" vertical="center"/>
    </xf>
    <xf numFmtId="0" fontId="22" fillId="0" borderId="10" xfId="0" applyFont="1" applyBorder="1" applyAlignment="1">
      <alignment horizontal="distributed" vertical="center"/>
    </xf>
    <xf numFmtId="0" fontId="22" fillId="0" borderId="5" xfId="0" applyFont="1" applyBorder="1" applyAlignment="1">
      <alignment horizontal="distributed" vertical="center"/>
    </xf>
    <xf numFmtId="0" fontId="22" fillId="0" borderId="6" xfId="0" applyFont="1" applyBorder="1" applyAlignment="1">
      <alignment horizontal="distributed" vertical="center"/>
    </xf>
    <xf numFmtId="0" fontId="25" fillId="0" borderId="4" xfId="0" applyFont="1" applyBorder="1" applyAlignment="1">
      <alignment horizontal="left" vertical="center"/>
    </xf>
    <xf numFmtId="0" fontId="25" fillId="0" borderId="5" xfId="0" applyFont="1" applyBorder="1" applyAlignment="1">
      <alignment horizontal="left" vertical="center"/>
    </xf>
    <xf numFmtId="0" fontId="25" fillId="0" borderId="6" xfId="0" applyFont="1" applyBorder="1" applyAlignment="1">
      <alignment horizontal="left" vertical="center"/>
    </xf>
    <xf numFmtId="0" fontId="5" fillId="0" borderId="11" xfId="0" applyFont="1" applyBorder="1">
      <alignment vertical="center"/>
    </xf>
    <xf numFmtId="0" fontId="5" fillId="0" borderId="9" xfId="0" applyFont="1" applyBorder="1">
      <alignment vertical="center"/>
    </xf>
    <xf numFmtId="0" fontId="5" fillId="0" borderId="10" xfId="0" applyFont="1" applyBorder="1">
      <alignment vertical="center"/>
    </xf>
    <xf numFmtId="49" fontId="18" fillId="0" borderId="11" xfId="0" applyNumberFormat="1" applyFont="1" applyBorder="1" applyAlignment="1">
      <alignment horizontal="center" vertical="center"/>
    </xf>
    <xf numFmtId="49" fontId="18" fillId="0" borderId="9" xfId="0" applyNumberFormat="1" applyFont="1" applyBorder="1" applyAlignment="1">
      <alignment horizontal="center" vertical="center"/>
    </xf>
    <xf numFmtId="49" fontId="18" fillId="0" borderId="10" xfId="0" applyNumberFormat="1" applyFont="1" applyBorder="1" applyAlignment="1">
      <alignment horizontal="center" vertical="center"/>
    </xf>
    <xf numFmtId="0" fontId="23" fillId="0" borderId="11" xfId="0" applyFont="1" applyBorder="1">
      <alignment vertical="center"/>
    </xf>
    <xf numFmtId="0" fontId="23" fillId="0" borderId="9" xfId="0" applyFont="1" applyBorder="1">
      <alignment vertical="center"/>
    </xf>
    <xf numFmtId="0" fontId="23" fillId="0" borderId="10" xfId="0" applyFont="1" applyBorder="1">
      <alignment vertical="center"/>
    </xf>
    <xf numFmtId="0" fontId="24" fillId="0" borderId="11" xfId="0" applyFont="1" applyBorder="1" applyAlignment="1">
      <alignment horizontal="center" vertical="center"/>
    </xf>
    <xf numFmtId="0" fontId="24" fillId="0" borderId="9" xfId="0" applyFont="1" applyBorder="1" applyAlignment="1">
      <alignment horizontal="center" vertical="center"/>
    </xf>
    <xf numFmtId="0" fontId="24" fillId="0" borderId="10" xfId="0" applyFont="1" applyBorder="1" applyAlignment="1">
      <alignment horizontal="center" vertical="center"/>
    </xf>
    <xf numFmtId="0" fontId="23" fillId="0" borderId="7" xfId="0" applyFont="1" applyBorder="1">
      <alignment vertical="center"/>
    </xf>
    <xf numFmtId="0" fontId="23" fillId="0" borderId="3" xfId="0" applyFont="1" applyBorder="1">
      <alignment vertical="center"/>
    </xf>
    <xf numFmtId="0" fontId="23" fillId="0" borderId="8" xfId="0" applyFont="1" applyBorder="1">
      <alignment vertical="center"/>
    </xf>
    <xf numFmtId="0" fontId="24" fillId="0" borderId="4" xfId="0" applyFont="1" applyBorder="1" applyAlignment="1">
      <alignment horizontal="center" vertical="center"/>
    </xf>
    <xf numFmtId="0" fontId="24" fillId="0" borderId="5" xfId="0" applyFont="1" applyBorder="1" applyAlignment="1">
      <alignment horizontal="center" vertical="center"/>
    </xf>
    <xf numFmtId="0" fontId="24" fillId="0" borderId="6" xfId="0" applyFont="1" applyBorder="1" applyAlignment="1">
      <alignment horizontal="center" vertical="center"/>
    </xf>
    <xf numFmtId="0" fontId="23" fillId="0" borderId="0" xfId="0" applyFont="1" applyAlignment="1" applyProtection="1">
      <alignment horizontal="center" vertical="center"/>
      <protection locked="0"/>
    </xf>
    <xf numFmtId="0" fontId="23" fillId="0" borderId="3" xfId="0" applyFont="1" applyBorder="1" applyAlignment="1" applyProtection="1">
      <alignment horizontal="center" vertical="center"/>
      <protection locked="0"/>
    </xf>
    <xf numFmtId="0" fontId="23" fillId="0" borderId="5" xfId="0" applyFont="1" applyBorder="1" applyAlignment="1" applyProtection="1">
      <alignment horizontal="center" vertical="center"/>
      <protection locked="0"/>
    </xf>
    <xf numFmtId="0" fontId="25" fillId="0" borderId="0" xfId="0" applyFont="1" applyAlignment="1">
      <alignment horizontal="left" vertical="center" shrinkToFit="1"/>
    </xf>
    <xf numFmtId="0" fontId="25" fillId="0" borderId="1" xfId="0" applyFont="1" applyBorder="1" applyAlignment="1">
      <alignment horizontal="left" vertical="center" shrinkToFit="1"/>
    </xf>
    <xf numFmtId="176" fontId="25" fillId="0" borderId="0" xfId="0" applyNumberFormat="1" applyFont="1" applyAlignment="1">
      <alignment horizontal="center" vertical="center"/>
    </xf>
    <xf numFmtId="49" fontId="25" fillId="0" borderId="7" xfId="0" applyNumberFormat="1" applyFont="1" applyBorder="1" applyAlignment="1">
      <alignment horizontal="left" vertical="center" wrapText="1"/>
    </xf>
    <xf numFmtId="49" fontId="25" fillId="0" borderId="3" xfId="0" applyNumberFormat="1" applyFont="1" applyBorder="1" applyAlignment="1">
      <alignment horizontal="left" vertical="center" wrapText="1"/>
    </xf>
    <xf numFmtId="49" fontId="25" fillId="0" borderId="8" xfId="0" applyNumberFormat="1" applyFont="1" applyBorder="1" applyAlignment="1">
      <alignment horizontal="left" vertical="center" wrapText="1"/>
    </xf>
    <xf numFmtId="49" fontId="25" fillId="0" borderId="2" xfId="0" applyNumberFormat="1" applyFont="1" applyBorder="1" applyAlignment="1">
      <alignment horizontal="left" vertical="center" wrapText="1"/>
    </xf>
    <xf numFmtId="49" fontId="25" fillId="0" borderId="0" xfId="0" applyNumberFormat="1" applyFont="1" applyAlignment="1">
      <alignment horizontal="left" vertical="center" wrapText="1"/>
    </xf>
    <xf numFmtId="49" fontId="25" fillId="0" borderId="1" xfId="0" applyNumberFormat="1" applyFont="1" applyBorder="1" applyAlignment="1">
      <alignment horizontal="left" vertical="center" wrapText="1"/>
    </xf>
    <xf numFmtId="0" fontId="22" fillId="0" borderId="3" xfId="0" applyFont="1" applyBorder="1" applyAlignment="1">
      <alignment horizontal="center" vertical="center"/>
    </xf>
    <xf numFmtId="0" fontId="25" fillId="0" borderId="20" xfId="0" applyFont="1" applyBorder="1" applyAlignment="1">
      <alignment horizontal="center" vertical="center"/>
    </xf>
    <xf numFmtId="49" fontId="25" fillId="0" borderId="0" xfId="0" applyNumberFormat="1" applyFont="1" applyAlignment="1">
      <alignment horizontal="left" vertical="top" wrapText="1"/>
    </xf>
    <xf numFmtId="49" fontId="25" fillId="0" borderId="1" xfId="0" applyNumberFormat="1" applyFont="1" applyBorder="1" applyAlignment="1">
      <alignment horizontal="left" vertical="top" wrapText="1"/>
    </xf>
    <xf numFmtId="0" fontId="25" fillId="0" borderId="3" xfId="0" applyFont="1" applyBorder="1" applyAlignment="1" applyProtection="1">
      <alignment horizontal="left" vertical="center"/>
      <protection locked="0"/>
    </xf>
    <xf numFmtId="0" fontId="25" fillId="0" borderId="7" xfId="0" applyFont="1" applyBorder="1" applyAlignment="1">
      <alignment horizontal="left" vertical="center"/>
    </xf>
    <xf numFmtId="0" fontId="25" fillId="0" borderId="3" xfId="0" applyFont="1" applyBorder="1" applyAlignment="1">
      <alignment horizontal="left" vertical="center"/>
    </xf>
    <xf numFmtId="0" fontId="25" fillId="0" borderId="2" xfId="0" applyFont="1" applyBorder="1" applyAlignment="1">
      <alignment horizontal="left" vertical="center"/>
    </xf>
    <xf numFmtId="0" fontId="25" fillId="0" borderId="1" xfId="0" applyFont="1" applyBorder="1" applyAlignment="1">
      <alignment horizontal="left" vertical="center"/>
    </xf>
    <xf numFmtId="0" fontId="25" fillId="0" borderId="0" xfId="0" applyFont="1" applyAlignment="1">
      <alignment horizontal="center" vertical="top" wrapText="1"/>
    </xf>
    <xf numFmtId="0" fontId="25" fillId="0" borderId="1" xfId="0" applyFont="1" applyBorder="1" applyAlignment="1">
      <alignment horizontal="center" vertical="top" wrapText="1"/>
    </xf>
    <xf numFmtId="0" fontId="25" fillId="0" borderId="7" xfId="0" applyFont="1" applyBorder="1" applyAlignment="1">
      <alignment horizontal="left" vertical="top" wrapText="1"/>
    </xf>
    <xf numFmtId="0" fontId="25" fillId="0" borderId="3" xfId="0" applyFont="1" applyBorder="1" applyAlignment="1">
      <alignment horizontal="left" vertical="top" wrapText="1"/>
    </xf>
    <xf numFmtId="0" fontId="25" fillId="0" borderId="8" xfId="0" applyFont="1" applyBorder="1" applyAlignment="1">
      <alignment horizontal="left" vertical="top" wrapText="1"/>
    </xf>
    <xf numFmtId="0" fontId="25" fillId="0" borderId="4" xfId="0" applyFont="1" applyBorder="1" applyAlignment="1">
      <alignment horizontal="left" vertical="top" wrapText="1"/>
    </xf>
    <xf numFmtId="0" fontId="25" fillId="0" borderId="5" xfId="0" applyFont="1" applyBorder="1" applyAlignment="1">
      <alignment horizontal="left" vertical="top" wrapText="1"/>
    </xf>
    <xf numFmtId="0" fontId="25" fillId="0" borderId="6" xfId="0" applyFont="1" applyBorder="1" applyAlignment="1">
      <alignment horizontal="left" vertical="top" wrapText="1"/>
    </xf>
    <xf numFmtId="0" fontId="24" fillId="0" borderId="0" xfId="0" applyFont="1" applyAlignment="1">
      <alignment horizontal="center" vertical="center"/>
    </xf>
    <xf numFmtId="0" fontId="24" fillId="0" borderId="22" xfId="0" applyFont="1" applyBorder="1" applyAlignment="1">
      <alignment horizontal="center" vertical="center"/>
    </xf>
    <xf numFmtId="0" fontId="22" fillId="0" borderId="8" xfId="0" applyFont="1" applyBorder="1">
      <alignment vertical="center"/>
    </xf>
    <xf numFmtId="0" fontId="22" fillId="0" borderId="4" xfId="0" applyFont="1" applyBorder="1">
      <alignment vertical="center"/>
    </xf>
    <xf numFmtId="0" fontId="22" fillId="0" borderId="5" xfId="0" applyFont="1" applyBorder="1">
      <alignment vertical="center"/>
    </xf>
    <xf numFmtId="0" fontId="22" fillId="0" borderId="6" xfId="0" applyFont="1" applyBorder="1">
      <alignment vertical="center"/>
    </xf>
    <xf numFmtId="0" fontId="28" fillId="0" borderId="2" xfId="0" applyFont="1" applyBorder="1" applyAlignment="1">
      <alignment horizontal="distributed" vertical="center" wrapText="1"/>
    </xf>
    <xf numFmtId="0" fontId="28" fillId="0" borderId="0" xfId="0" applyFont="1" applyAlignment="1">
      <alignment horizontal="distributed" vertical="center" wrapText="1"/>
    </xf>
    <xf numFmtId="0" fontId="28" fillId="0" borderId="1" xfId="0" applyFont="1" applyBorder="1" applyAlignment="1">
      <alignment horizontal="distributed" vertical="center" wrapText="1"/>
    </xf>
    <xf numFmtId="0" fontId="28" fillId="0" borderId="4" xfId="0" applyFont="1" applyBorder="1" applyAlignment="1">
      <alignment horizontal="distributed" vertical="center" wrapText="1"/>
    </xf>
    <xf numFmtId="0" fontId="28" fillId="0" borderId="5" xfId="0" applyFont="1" applyBorder="1" applyAlignment="1">
      <alignment horizontal="distributed" vertical="center" wrapText="1"/>
    </xf>
    <xf numFmtId="0" fontId="28" fillId="0" borderId="6" xfId="0" applyFont="1" applyBorder="1" applyAlignment="1">
      <alignment horizontal="distributed" vertical="center" wrapText="1"/>
    </xf>
    <xf numFmtId="0" fontId="25" fillId="0" borderId="4" xfId="0" applyFont="1" applyBorder="1" applyAlignment="1">
      <alignment horizontal="distributed" vertical="top"/>
    </xf>
    <xf numFmtId="0" fontId="25" fillId="0" borderId="5" xfId="0" applyFont="1" applyBorder="1" applyAlignment="1">
      <alignment horizontal="distributed" vertical="top"/>
    </xf>
    <xf numFmtId="0" fontId="25" fillId="0" borderId="6" xfId="0" applyFont="1" applyBorder="1" applyAlignment="1">
      <alignment horizontal="distributed" vertical="top"/>
    </xf>
    <xf numFmtId="0" fontId="25" fillId="0" borderId="2" xfId="0" applyFont="1" applyBorder="1">
      <alignment vertical="center"/>
    </xf>
    <xf numFmtId="0" fontId="25" fillId="0" borderId="0" xfId="0" applyFont="1">
      <alignment vertical="center"/>
    </xf>
    <xf numFmtId="0" fontId="25" fillId="0" borderId="1" xfId="0" applyFont="1" applyBorder="1">
      <alignment vertical="center"/>
    </xf>
    <xf numFmtId="0" fontId="25" fillId="0" borderId="7" xfId="0" applyFont="1" applyBorder="1">
      <alignment vertical="center"/>
    </xf>
    <xf numFmtId="0" fontId="25" fillId="0" borderId="3" xfId="0" applyFont="1" applyBorder="1">
      <alignment vertical="center"/>
    </xf>
    <xf numFmtId="0" fontId="25" fillId="0" borderId="8" xfId="0" applyFont="1" applyBorder="1">
      <alignment vertical="center"/>
    </xf>
    <xf numFmtId="49" fontId="18" fillId="0" borderId="41" xfId="0" applyNumberFormat="1" applyFont="1" applyBorder="1" applyAlignment="1">
      <alignment horizontal="center" vertical="center"/>
    </xf>
    <xf numFmtId="0" fontId="24" fillId="0" borderId="41" xfId="0" applyFont="1" applyBorder="1" applyAlignment="1">
      <alignment horizontal="center" vertical="center"/>
    </xf>
    <xf numFmtId="0" fontId="24" fillId="0" borderId="11" xfId="0" applyFont="1" applyBorder="1" applyAlignment="1">
      <alignment horizontal="left" vertical="center"/>
    </xf>
    <xf numFmtId="0" fontId="24" fillId="0" borderId="9" xfId="0" applyFont="1" applyBorder="1" applyAlignment="1">
      <alignment horizontal="left" vertical="center"/>
    </xf>
    <xf numFmtId="0" fontId="24" fillId="0" borderId="10" xfId="0" applyFont="1" applyBorder="1" applyAlignment="1">
      <alignment horizontal="left" vertical="center"/>
    </xf>
    <xf numFmtId="0" fontId="23" fillId="0" borderId="24" xfId="0" applyFont="1" applyBorder="1" applyAlignment="1">
      <alignment horizontal="center" vertical="center"/>
    </xf>
  </cellXfs>
  <cellStyles count="4">
    <cellStyle name="標準" xfId="0" builtinId="0"/>
    <cellStyle name="標準 2" xfId="1"/>
    <cellStyle name="標準 8" xfId="2"/>
    <cellStyle name="標準_設計内容説明書　第二面" xfId="3"/>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tabColor rgb="FF00B0F0"/>
    <pageSetUpPr fitToPage="1"/>
  </sheetPr>
  <dimension ref="A1:AU329"/>
  <sheetViews>
    <sheetView showGridLines="0" tabSelected="1" view="pageBreakPreview" zoomScale="85" zoomScaleNormal="100" zoomScaleSheetLayoutView="85" workbookViewId="0"/>
  </sheetViews>
  <sheetFormatPr defaultRowHeight="12" x14ac:dyDescent="0.15"/>
  <cols>
    <col min="1" max="47" width="2.625" style="4" customWidth="1"/>
    <col min="48" max="48" width="2.5" style="4" customWidth="1"/>
    <col min="49" max="16384" width="9" style="4"/>
  </cols>
  <sheetData>
    <row r="1" spans="1:47" ht="15" customHeight="1" x14ac:dyDescent="0.15">
      <c r="A1" s="405" t="s">
        <v>883</v>
      </c>
    </row>
    <row r="2" spans="1:47" ht="30" customHeight="1" x14ac:dyDescent="0.15">
      <c r="A2" s="13" t="s">
        <v>39</v>
      </c>
      <c r="B2" s="14"/>
      <c r="C2" s="14"/>
      <c r="D2" s="14"/>
      <c r="E2" s="14"/>
      <c r="F2" s="15"/>
      <c r="G2" s="15"/>
      <c r="H2" s="15"/>
      <c r="I2" s="14"/>
      <c r="J2" s="14"/>
      <c r="K2" s="14"/>
      <c r="L2" s="14"/>
      <c r="M2" s="14"/>
      <c r="N2" s="14"/>
      <c r="O2" s="14"/>
      <c r="P2" s="14"/>
      <c r="Q2" s="14"/>
      <c r="R2" s="14"/>
      <c r="S2" s="14"/>
      <c r="T2" s="14"/>
      <c r="U2" s="14"/>
      <c r="V2" s="14"/>
      <c r="W2" s="14"/>
      <c r="X2" s="14"/>
      <c r="Y2" s="14"/>
      <c r="Z2" s="14"/>
      <c r="AA2" s="14"/>
      <c r="AB2" s="14"/>
      <c r="AC2" s="14"/>
      <c r="AD2" s="14"/>
      <c r="AE2" s="14"/>
      <c r="AF2" s="14"/>
      <c r="AG2" s="14"/>
      <c r="AH2" s="14"/>
      <c r="AI2" s="14"/>
      <c r="AJ2" s="14"/>
      <c r="AK2" s="14"/>
      <c r="AL2" s="14"/>
      <c r="AM2" s="14"/>
      <c r="AN2" s="14"/>
      <c r="AO2" s="16"/>
      <c r="AP2" s="16"/>
      <c r="AU2" s="16" t="s">
        <v>33</v>
      </c>
    </row>
    <row r="3" spans="1:47" ht="13.5" x14ac:dyDescent="0.15">
      <c r="A3" s="29"/>
      <c r="B3" s="14"/>
      <c r="C3" s="14"/>
      <c r="D3" s="14"/>
      <c r="E3" s="14"/>
      <c r="F3" s="15"/>
      <c r="G3" s="15"/>
      <c r="H3" s="15"/>
      <c r="I3" s="14"/>
      <c r="J3" s="14"/>
      <c r="K3" s="14"/>
      <c r="L3" s="14"/>
      <c r="M3" s="14"/>
      <c r="N3" s="14"/>
      <c r="O3" s="14"/>
      <c r="P3" s="14"/>
      <c r="Q3" s="14"/>
      <c r="R3" s="14"/>
      <c r="S3" s="14"/>
      <c r="T3" s="14"/>
      <c r="U3" s="14"/>
      <c r="V3" s="14"/>
      <c r="W3" s="14"/>
      <c r="X3" s="14"/>
      <c r="Y3" s="14"/>
      <c r="Z3" s="14"/>
      <c r="AA3" s="14"/>
      <c r="AB3" s="14"/>
      <c r="AC3" s="14"/>
      <c r="AD3" s="14"/>
      <c r="AE3" s="14"/>
      <c r="AF3" s="14"/>
      <c r="AG3" s="14"/>
      <c r="AH3" s="14"/>
      <c r="AI3" s="14"/>
      <c r="AJ3" s="14"/>
      <c r="AK3" s="14"/>
      <c r="AL3" s="14"/>
      <c r="AM3" s="14"/>
      <c r="AN3" s="14"/>
      <c r="AO3" s="16"/>
      <c r="AP3" s="16"/>
      <c r="AU3" s="16"/>
    </row>
    <row r="4" spans="1:47" ht="17.25" customHeight="1" x14ac:dyDescent="0.15">
      <c r="A4" s="406" t="s">
        <v>3</v>
      </c>
      <c r="B4" s="407"/>
      <c r="C4" s="407"/>
      <c r="D4" s="407"/>
      <c r="E4" s="407"/>
      <c r="F4" s="407"/>
      <c r="G4" s="407"/>
      <c r="H4" s="407"/>
      <c r="I4" s="407"/>
      <c r="J4" s="408"/>
      <c r="K4" s="35"/>
      <c r="L4" s="36"/>
      <c r="M4" s="36"/>
      <c r="N4" s="36"/>
      <c r="O4" s="36"/>
      <c r="P4" s="36"/>
      <c r="Q4" s="36"/>
      <c r="R4" s="36"/>
      <c r="S4" s="36"/>
      <c r="T4" s="36"/>
      <c r="U4" s="36"/>
      <c r="V4" s="36"/>
      <c r="W4" s="36"/>
      <c r="X4" s="36"/>
      <c r="Y4" s="36"/>
      <c r="Z4" s="36"/>
      <c r="AA4" s="36"/>
      <c r="AB4" s="36"/>
      <c r="AC4" s="36"/>
      <c r="AD4" s="36"/>
      <c r="AE4" s="36"/>
      <c r="AF4" s="36"/>
      <c r="AG4" s="36"/>
      <c r="AH4" s="36"/>
      <c r="AI4" s="36"/>
      <c r="AJ4" s="36"/>
      <c r="AK4" s="36"/>
      <c r="AL4" s="36"/>
      <c r="AM4" s="36"/>
      <c r="AN4" s="36"/>
      <c r="AO4" s="36"/>
      <c r="AP4" s="36"/>
      <c r="AQ4" s="36"/>
      <c r="AR4" s="36"/>
      <c r="AS4" s="36"/>
      <c r="AT4" s="36"/>
      <c r="AU4" s="37"/>
    </row>
    <row r="5" spans="1:47" ht="17.25" customHeight="1" x14ac:dyDescent="0.15">
      <c r="A5" s="406" t="s">
        <v>4</v>
      </c>
      <c r="B5" s="407"/>
      <c r="C5" s="407"/>
      <c r="D5" s="407"/>
      <c r="E5" s="407"/>
      <c r="F5" s="407"/>
      <c r="G5" s="407"/>
      <c r="H5" s="407"/>
      <c r="I5" s="407"/>
      <c r="J5" s="408"/>
      <c r="K5" s="35"/>
      <c r="L5" s="36"/>
      <c r="M5" s="36"/>
      <c r="N5" s="36"/>
      <c r="O5" s="36"/>
      <c r="P5" s="36"/>
      <c r="Q5" s="36"/>
      <c r="R5" s="36"/>
      <c r="S5" s="36"/>
      <c r="T5" s="36"/>
      <c r="U5" s="36"/>
      <c r="V5" s="36"/>
      <c r="W5" s="36"/>
      <c r="X5" s="36"/>
      <c r="Y5" s="36"/>
      <c r="Z5" s="36"/>
      <c r="AA5" s="36"/>
      <c r="AB5" s="36"/>
      <c r="AC5" s="36"/>
      <c r="AD5" s="36"/>
      <c r="AE5" s="36"/>
      <c r="AF5" s="36"/>
      <c r="AG5" s="36"/>
      <c r="AH5" s="36"/>
      <c r="AI5" s="36"/>
      <c r="AJ5" s="36"/>
      <c r="AK5" s="36"/>
      <c r="AL5" s="36"/>
      <c r="AM5" s="36"/>
      <c r="AN5" s="36"/>
      <c r="AO5" s="36"/>
      <c r="AP5" s="36"/>
      <c r="AQ5" s="36"/>
      <c r="AR5" s="36"/>
      <c r="AS5" s="36"/>
      <c r="AT5" s="36"/>
      <c r="AU5" s="37"/>
    </row>
    <row r="6" spans="1:47" ht="17.25" customHeight="1" x14ac:dyDescent="0.15">
      <c r="A6" s="406" t="s">
        <v>5</v>
      </c>
      <c r="B6" s="407"/>
      <c r="C6" s="407"/>
      <c r="D6" s="407"/>
      <c r="E6" s="407"/>
      <c r="F6" s="407"/>
      <c r="G6" s="407"/>
      <c r="H6" s="407"/>
      <c r="I6" s="407"/>
      <c r="J6" s="408"/>
      <c r="K6" s="35"/>
      <c r="L6" s="36"/>
      <c r="M6" s="36"/>
      <c r="N6" s="36"/>
      <c r="O6" s="36"/>
      <c r="P6" s="36"/>
      <c r="Q6" s="36"/>
      <c r="R6" s="36"/>
      <c r="S6" s="36"/>
      <c r="T6" s="36"/>
      <c r="U6" s="36"/>
      <c r="V6" s="36"/>
      <c r="W6" s="36"/>
      <c r="X6" s="36"/>
      <c r="Y6" s="36"/>
      <c r="Z6" s="36"/>
      <c r="AA6" s="36"/>
      <c r="AB6" s="36"/>
      <c r="AC6" s="36"/>
      <c r="AD6" s="36"/>
      <c r="AE6" s="36"/>
      <c r="AF6" s="36"/>
      <c r="AG6" s="36"/>
      <c r="AH6" s="36"/>
      <c r="AI6" s="36"/>
      <c r="AJ6" s="36"/>
      <c r="AK6" s="36"/>
      <c r="AL6" s="36"/>
      <c r="AM6" s="36"/>
      <c r="AN6" s="36"/>
      <c r="AO6" s="36"/>
      <c r="AP6" s="36"/>
      <c r="AQ6" s="36"/>
      <c r="AR6" s="36"/>
      <c r="AS6" s="36"/>
      <c r="AT6" s="36"/>
      <c r="AU6" s="37"/>
    </row>
    <row r="7" spans="1:47" ht="17.25" customHeight="1" x14ac:dyDescent="0.15">
      <c r="A7" s="406" t="s">
        <v>29</v>
      </c>
      <c r="B7" s="407"/>
      <c r="C7" s="407"/>
      <c r="D7" s="407"/>
      <c r="E7" s="407"/>
      <c r="F7" s="407"/>
      <c r="G7" s="407"/>
      <c r="H7" s="407"/>
      <c r="I7" s="407"/>
      <c r="J7" s="408"/>
      <c r="K7" s="35"/>
      <c r="L7" s="36"/>
      <c r="M7" s="36"/>
      <c r="N7" s="38"/>
      <c r="O7" s="38"/>
      <c r="P7" s="38"/>
      <c r="Q7" s="38"/>
      <c r="R7" s="38"/>
      <c r="S7" s="38"/>
      <c r="T7" s="38"/>
      <c r="U7" s="38"/>
      <c r="V7" s="38"/>
      <c r="W7" s="38"/>
      <c r="X7" s="38"/>
      <c r="Y7" s="38"/>
      <c r="Z7" s="38"/>
      <c r="AA7" s="41"/>
      <c r="AB7" s="37"/>
      <c r="AC7" s="406" t="s">
        <v>6</v>
      </c>
      <c r="AD7" s="407"/>
      <c r="AE7" s="407"/>
      <c r="AF7" s="407"/>
      <c r="AG7" s="407"/>
      <c r="AH7" s="408"/>
      <c r="AI7" s="40"/>
      <c r="AJ7" s="41"/>
      <c r="AK7" s="41"/>
      <c r="AL7" s="12"/>
      <c r="AM7" s="38"/>
      <c r="AN7" s="38"/>
      <c r="AO7" s="38"/>
      <c r="AP7" s="38"/>
      <c r="AQ7" s="38"/>
      <c r="AR7" s="38"/>
      <c r="AS7" s="38"/>
      <c r="AT7" s="38"/>
      <c r="AU7" s="39"/>
    </row>
    <row r="8" spans="1:47" ht="17.25" customHeight="1" x14ac:dyDescent="0.15">
      <c r="A8" s="42"/>
      <c r="B8" s="42"/>
      <c r="C8" s="42"/>
      <c r="D8" s="42"/>
      <c r="E8" s="42"/>
      <c r="F8" s="42"/>
      <c r="G8" s="42"/>
      <c r="H8" s="42"/>
      <c r="I8" s="42"/>
      <c r="J8" s="42"/>
      <c r="K8" s="17"/>
      <c r="L8" s="17"/>
      <c r="M8" s="17"/>
      <c r="N8" s="17"/>
      <c r="O8" s="17"/>
      <c r="P8" s="17"/>
      <c r="Q8" s="17"/>
      <c r="R8" s="17"/>
      <c r="S8" s="17"/>
      <c r="T8" s="17"/>
      <c r="U8" s="17"/>
      <c r="V8" s="17"/>
      <c r="W8" s="17"/>
      <c r="X8" s="17"/>
      <c r="Y8" s="17"/>
      <c r="Z8" s="17"/>
      <c r="AA8" s="17"/>
      <c r="AB8" s="17"/>
      <c r="AC8" s="17"/>
      <c r="AD8" s="17"/>
      <c r="AE8" s="17"/>
      <c r="AF8" s="17"/>
      <c r="AG8" s="17"/>
      <c r="AH8" s="17"/>
      <c r="AI8" s="17"/>
      <c r="AJ8" s="17"/>
      <c r="AK8" s="17"/>
      <c r="AL8" s="17"/>
      <c r="AM8" s="17"/>
      <c r="AN8" s="17"/>
      <c r="AO8" s="17"/>
      <c r="AP8" s="17"/>
      <c r="AQ8" s="17"/>
      <c r="AR8" s="17"/>
      <c r="AS8" s="17"/>
      <c r="AT8" s="17"/>
      <c r="AU8" s="17"/>
    </row>
    <row r="9" spans="1:47" ht="17.25" customHeight="1" x14ac:dyDescent="0.15">
      <c r="A9" s="18" t="s">
        <v>27</v>
      </c>
      <c r="B9" s="19"/>
      <c r="C9" s="19"/>
      <c r="D9" s="19"/>
      <c r="E9" s="19"/>
      <c r="F9" s="19"/>
      <c r="G9" s="19"/>
      <c r="H9" s="19"/>
      <c r="I9" s="19"/>
      <c r="J9" s="31"/>
      <c r="K9" s="18" t="s">
        <v>28</v>
      </c>
      <c r="L9" s="19"/>
      <c r="M9" s="19"/>
      <c r="N9" s="19"/>
      <c r="O9" s="19"/>
      <c r="P9" s="7"/>
      <c r="Q9" s="7"/>
      <c r="R9" s="7"/>
      <c r="S9" s="7"/>
      <c r="T9" s="7"/>
      <c r="U9" s="392" t="s">
        <v>7</v>
      </c>
      <c r="V9" s="11" t="s">
        <v>1</v>
      </c>
      <c r="W9" s="7"/>
      <c r="X9" s="33"/>
      <c r="Y9" s="11"/>
      <c r="Z9" s="7"/>
      <c r="AA9" s="32"/>
      <c r="AB9" s="34"/>
      <c r="AC9" s="7"/>
      <c r="AD9" s="7"/>
      <c r="AE9" s="7"/>
      <c r="AF9" s="7"/>
      <c r="AG9" s="7"/>
      <c r="AH9" s="7"/>
      <c r="AI9" s="7"/>
      <c r="AJ9" s="7"/>
      <c r="AK9" s="7"/>
      <c r="AL9" s="7"/>
      <c r="AM9" s="7"/>
      <c r="AN9" s="7"/>
      <c r="AO9" s="7"/>
      <c r="AP9" s="7"/>
      <c r="AQ9" s="7"/>
      <c r="AR9" s="7"/>
      <c r="AS9" s="7"/>
      <c r="AT9" s="7"/>
      <c r="AU9" s="31"/>
    </row>
    <row r="10" spans="1:47" ht="17.25" customHeight="1" x14ac:dyDescent="0.15">
      <c r="A10" s="18" t="s">
        <v>46</v>
      </c>
      <c r="B10" s="19"/>
      <c r="C10" s="19"/>
      <c r="D10" s="19"/>
      <c r="E10" s="19"/>
      <c r="F10" s="19"/>
      <c r="G10" s="19"/>
      <c r="H10" s="19"/>
      <c r="I10" s="19"/>
      <c r="J10" s="31"/>
      <c r="K10" s="18" t="s">
        <v>47</v>
      </c>
      <c r="L10" s="19"/>
      <c r="M10" s="19"/>
      <c r="N10" s="19"/>
      <c r="O10" s="19"/>
      <c r="P10" s="7"/>
      <c r="Q10" s="7"/>
      <c r="R10" s="7"/>
      <c r="S10" s="7"/>
      <c r="T10" s="7"/>
      <c r="U10" s="392" t="s">
        <v>7</v>
      </c>
      <c r="V10" s="11" t="s">
        <v>1</v>
      </c>
      <c r="W10" s="7"/>
      <c r="X10" s="392" t="s">
        <v>7</v>
      </c>
      <c r="Y10" s="11" t="s">
        <v>2</v>
      </c>
      <c r="Z10" s="7" t="s">
        <v>30</v>
      </c>
      <c r="AA10" s="392" t="s">
        <v>7</v>
      </c>
      <c r="AB10" s="34" t="s">
        <v>48</v>
      </c>
      <c r="AC10" s="7"/>
      <c r="AD10" s="7"/>
      <c r="AE10" s="7"/>
      <c r="AF10" s="7"/>
      <c r="AG10" s="7"/>
      <c r="AH10" s="7"/>
      <c r="AI10" s="7"/>
      <c r="AJ10" s="7"/>
      <c r="AK10" s="7"/>
      <c r="AL10" s="7"/>
      <c r="AM10" s="7"/>
      <c r="AN10" s="7"/>
      <c r="AO10" s="7"/>
      <c r="AP10" s="7" t="s">
        <v>42</v>
      </c>
      <c r="AQ10" s="7"/>
      <c r="AR10" s="7"/>
      <c r="AS10" s="7"/>
      <c r="AT10" s="7"/>
      <c r="AU10" s="31"/>
    </row>
    <row r="11" spans="1:47" ht="17.25" customHeight="1" x14ac:dyDescent="0.15">
      <c r="A11" s="420" t="s">
        <v>31</v>
      </c>
      <c r="B11" s="421"/>
      <c r="C11" s="421"/>
      <c r="D11" s="421"/>
      <c r="E11" s="421"/>
      <c r="F11" s="421"/>
      <c r="G11" s="421"/>
      <c r="H11" s="421"/>
      <c r="I11" s="421"/>
      <c r="J11" s="422"/>
      <c r="K11" s="393" t="s">
        <v>7</v>
      </c>
      <c r="L11" s="19" t="s">
        <v>34</v>
      </c>
      <c r="M11" s="19"/>
      <c r="N11" s="19"/>
      <c r="O11" s="19"/>
      <c r="P11" s="19"/>
      <c r="Q11" s="19"/>
      <c r="R11" s="19"/>
      <c r="S11" s="19"/>
      <c r="T11" s="19"/>
      <c r="U11" s="19"/>
      <c r="V11" s="19"/>
      <c r="W11" s="19"/>
      <c r="X11" s="19"/>
      <c r="Y11" s="19"/>
      <c r="Z11" s="19"/>
      <c r="AA11" s="19"/>
      <c r="AB11" s="19"/>
      <c r="AC11" s="19"/>
      <c r="AD11" s="19"/>
      <c r="AE11" s="19"/>
      <c r="AF11" s="19"/>
      <c r="AG11" s="19"/>
      <c r="AH11" s="19"/>
      <c r="AI11" s="19"/>
      <c r="AJ11" s="19"/>
      <c r="AK11" s="19"/>
      <c r="AL11" s="19"/>
      <c r="AM11" s="19"/>
      <c r="AN11" s="19"/>
      <c r="AO11" s="19"/>
      <c r="AP11" s="19"/>
      <c r="AQ11" s="19"/>
      <c r="AR11" s="19"/>
      <c r="AS11" s="19"/>
      <c r="AT11" s="19"/>
      <c r="AU11" s="30"/>
    </row>
    <row r="12" spans="1:47" ht="17.25" customHeight="1" x14ac:dyDescent="0.15">
      <c r="A12" s="43"/>
      <c r="B12" s="43"/>
      <c r="C12" s="43"/>
      <c r="D12" s="43"/>
      <c r="E12" s="43"/>
      <c r="F12" s="43"/>
      <c r="G12" s="43"/>
      <c r="H12" s="43"/>
      <c r="I12" s="43"/>
      <c r="J12" s="43"/>
      <c r="K12" s="44"/>
      <c r="L12" s="1"/>
      <c r="M12" s="1"/>
      <c r="N12" s="1"/>
      <c r="O12" s="1"/>
      <c r="P12" s="1"/>
      <c r="Q12" s="1"/>
      <c r="R12" s="1"/>
      <c r="S12" s="1"/>
      <c r="T12" s="1"/>
      <c r="U12" s="1"/>
      <c r="V12" s="1"/>
      <c r="W12" s="1"/>
      <c r="X12" s="1"/>
      <c r="Y12" s="1"/>
      <c r="Z12" s="1"/>
      <c r="AA12" s="1"/>
      <c r="AB12" s="1"/>
      <c r="AC12" s="1"/>
      <c r="AD12" s="1"/>
      <c r="AE12" s="1"/>
      <c r="AF12" s="1"/>
      <c r="AG12" s="1"/>
      <c r="AH12" s="1"/>
      <c r="AI12" s="1"/>
      <c r="AJ12" s="1"/>
      <c r="AK12" s="1"/>
      <c r="AL12" s="1"/>
      <c r="AM12" s="1"/>
      <c r="AN12" s="1"/>
      <c r="AO12" s="1"/>
      <c r="AP12" s="1"/>
      <c r="AQ12" s="1"/>
      <c r="AR12" s="1"/>
      <c r="AS12" s="1"/>
      <c r="AT12" s="1"/>
      <c r="AU12" s="1"/>
    </row>
    <row r="13" spans="1:47" ht="17.25" customHeight="1" x14ac:dyDescent="0.15">
      <c r="A13" s="45" t="s">
        <v>40</v>
      </c>
      <c r="B13" s="10"/>
      <c r="C13" s="10"/>
      <c r="D13" s="10"/>
      <c r="E13" s="10"/>
      <c r="F13" s="10"/>
      <c r="G13" s="10"/>
      <c r="H13" s="10"/>
      <c r="I13" s="10"/>
      <c r="J13" s="10"/>
      <c r="K13" s="46"/>
      <c r="L13" s="3"/>
      <c r="M13" s="3"/>
      <c r="N13" s="3"/>
      <c r="O13" s="3"/>
      <c r="P13" s="3"/>
      <c r="Q13" s="3"/>
      <c r="R13" s="3"/>
      <c r="S13" s="3"/>
      <c r="T13" s="3"/>
      <c r="U13" s="3"/>
      <c r="V13" s="3"/>
      <c r="W13" s="3"/>
      <c r="X13" s="3"/>
      <c r="Y13" s="3"/>
      <c r="Z13" s="3"/>
      <c r="AA13" s="3"/>
      <c r="AB13" s="3"/>
      <c r="AC13" s="3"/>
      <c r="AD13" s="3"/>
      <c r="AE13" s="3"/>
      <c r="AF13" s="3"/>
      <c r="AG13" s="3"/>
      <c r="AH13" s="3"/>
      <c r="AI13" s="3"/>
      <c r="AJ13" s="3"/>
      <c r="AK13" s="3"/>
      <c r="AL13" s="3"/>
      <c r="AM13" s="3"/>
      <c r="AN13" s="3"/>
      <c r="AO13" s="3"/>
      <c r="AP13" s="3"/>
      <c r="AQ13" s="3"/>
      <c r="AR13" s="3"/>
      <c r="AS13" s="3"/>
      <c r="AT13" s="3"/>
      <c r="AU13" s="47"/>
    </row>
    <row r="14" spans="1:47" ht="17.25" customHeight="1" x14ac:dyDescent="0.15">
      <c r="A14" s="48"/>
      <c r="B14" s="389" t="s">
        <v>7</v>
      </c>
      <c r="C14" s="56" t="s">
        <v>662</v>
      </c>
      <c r="D14" s="56"/>
      <c r="E14" s="56"/>
      <c r="F14" s="56"/>
      <c r="G14" s="56"/>
      <c r="H14" s="56"/>
      <c r="I14" s="56"/>
      <c r="J14" s="56"/>
      <c r="K14" s="58"/>
      <c r="L14" s="59"/>
      <c r="M14" s="59"/>
      <c r="N14" s="59"/>
      <c r="O14" s="59"/>
      <c r="P14" s="59"/>
      <c r="Q14" s="59"/>
      <c r="R14" s="59"/>
      <c r="S14" s="394" t="s">
        <v>7</v>
      </c>
      <c r="T14" s="56" t="s">
        <v>663</v>
      </c>
      <c r="U14" s="56"/>
      <c r="V14" s="57"/>
      <c r="W14" s="56"/>
      <c r="X14" s="56"/>
      <c r="Y14" s="56"/>
      <c r="Z14" s="56"/>
      <c r="AA14" s="56"/>
      <c r="AB14" s="58"/>
      <c r="AC14" s="59"/>
      <c r="AD14" s="59"/>
      <c r="AE14" s="59"/>
      <c r="AF14" s="59"/>
      <c r="AG14" s="59"/>
      <c r="AH14" s="59"/>
      <c r="AI14" s="59"/>
      <c r="AJ14" s="59"/>
      <c r="AK14" s="59"/>
      <c r="AL14" s="57"/>
      <c r="AM14" s="57"/>
      <c r="AN14" s="59"/>
      <c r="AO14" s="59"/>
      <c r="AP14" s="59"/>
      <c r="AQ14" s="59"/>
      <c r="AR14" s="59"/>
      <c r="AS14" s="59"/>
      <c r="AT14" s="59"/>
      <c r="AU14" s="60"/>
    </row>
    <row r="15" spans="1:47" ht="17.25" customHeight="1" x14ac:dyDescent="0.15">
      <c r="A15" s="48"/>
      <c r="B15" s="75"/>
      <c r="C15" s="43"/>
      <c r="D15" s="322" t="s">
        <v>665</v>
      </c>
      <c r="E15" s="43"/>
      <c r="F15" s="43"/>
      <c r="G15" s="43"/>
      <c r="H15" s="43"/>
      <c r="I15" s="43"/>
      <c r="J15" s="43"/>
      <c r="K15" s="44"/>
      <c r="L15" s="1"/>
      <c r="M15" s="1"/>
      <c r="N15" s="1"/>
      <c r="O15" s="1"/>
      <c r="P15" s="1"/>
      <c r="Q15" s="1"/>
      <c r="R15" s="1"/>
      <c r="S15" s="61"/>
      <c r="U15" s="322" t="s">
        <v>666</v>
      </c>
      <c r="W15" s="43"/>
      <c r="X15" s="43"/>
      <c r="Y15" s="43"/>
      <c r="Z15" s="43"/>
      <c r="AA15" s="43"/>
      <c r="AB15" s="44"/>
      <c r="AC15" s="1"/>
      <c r="AD15" s="1"/>
      <c r="AE15" s="1"/>
      <c r="AF15" s="1"/>
      <c r="AG15" s="1"/>
      <c r="AH15" s="1"/>
      <c r="AI15" s="1"/>
      <c r="AJ15" s="1"/>
      <c r="AK15" s="1"/>
      <c r="AN15" s="1"/>
      <c r="AO15" s="1"/>
      <c r="AP15" s="1"/>
      <c r="AQ15" s="1"/>
      <c r="AR15" s="1"/>
      <c r="AS15" s="1"/>
      <c r="AT15" s="1"/>
      <c r="AU15" s="320"/>
    </row>
    <row r="16" spans="1:47" ht="17.25" customHeight="1" x14ac:dyDescent="0.15">
      <c r="A16" s="48"/>
      <c r="B16" s="75"/>
      <c r="C16" s="43"/>
      <c r="D16" s="43"/>
      <c r="E16" s="43"/>
      <c r="F16" s="43"/>
      <c r="G16" s="43"/>
      <c r="H16" s="43"/>
      <c r="I16" s="43"/>
      <c r="J16" s="43"/>
      <c r="K16" s="44"/>
      <c r="L16" s="1"/>
      <c r="M16" s="1"/>
      <c r="N16" s="1"/>
      <c r="O16" s="1"/>
      <c r="P16" s="1"/>
      <c r="Q16" s="1"/>
      <c r="R16" s="1"/>
      <c r="S16" s="395" t="s">
        <v>7</v>
      </c>
      <c r="T16" s="43" t="s">
        <v>664</v>
      </c>
      <c r="U16" s="43"/>
      <c r="W16" s="43"/>
      <c r="X16" s="43"/>
      <c r="Y16" s="43"/>
      <c r="Z16" s="43"/>
      <c r="AA16" s="43"/>
      <c r="AB16" s="44"/>
      <c r="AC16" s="1"/>
      <c r="AD16" s="1"/>
      <c r="AE16" s="1"/>
      <c r="AF16" s="1"/>
      <c r="AG16" s="1"/>
      <c r="AH16" s="1"/>
      <c r="AI16" s="1"/>
      <c r="AJ16" s="1"/>
      <c r="AK16" s="1"/>
      <c r="AN16" s="1"/>
      <c r="AO16" s="1"/>
      <c r="AP16" s="1"/>
      <c r="AQ16" s="1"/>
      <c r="AR16" s="1"/>
      <c r="AS16" s="1"/>
      <c r="AT16" s="1"/>
      <c r="AU16" s="320"/>
    </row>
    <row r="17" spans="1:47" ht="17.25" customHeight="1" x14ac:dyDescent="0.15">
      <c r="A17" s="48"/>
      <c r="B17" s="75"/>
      <c r="C17" s="43"/>
      <c r="D17" s="43"/>
      <c r="E17" s="43"/>
      <c r="F17" s="43"/>
      <c r="G17" s="43"/>
      <c r="H17" s="43"/>
      <c r="I17" s="43"/>
      <c r="J17" s="43"/>
      <c r="K17" s="44"/>
      <c r="L17" s="1"/>
      <c r="M17" s="1"/>
      <c r="N17" s="1"/>
      <c r="O17" s="1"/>
      <c r="P17" s="1"/>
      <c r="Q17" s="1"/>
      <c r="R17" s="1"/>
      <c r="S17" s="321"/>
      <c r="T17" s="43"/>
      <c r="U17" s="322" t="s">
        <v>666</v>
      </c>
      <c r="W17" s="43"/>
      <c r="X17" s="43"/>
      <c r="Y17" s="43"/>
      <c r="Z17" s="43"/>
      <c r="AA17" s="43"/>
      <c r="AB17" s="44"/>
      <c r="AC17" s="1"/>
      <c r="AD17" s="1"/>
      <c r="AE17" s="1"/>
      <c r="AF17" s="1"/>
      <c r="AG17" s="1"/>
      <c r="AH17" s="1"/>
      <c r="AI17" s="1"/>
      <c r="AJ17" s="1"/>
      <c r="AK17" s="1"/>
      <c r="AN17" s="1"/>
      <c r="AO17" s="1"/>
      <c r="AP17" s="1"/>
      <c r="AQ17" s="1"/>
      <c r="AR17" s="1"/>
      <c r="AS17" s="1"/>
      <c r="AT17" s="1"/>
      <c r="AU17" s="320"/>
    </row>
    <row r="18" spans="1:47" ht="17.25" customHeight="1" x14ac:dyDescent="0.15">
      <c r="A18" s="48"/>
      <c r="B18" s="390" t="s">
        <v>7</v>
      </c>
      <c r="C18" s="43" t="s">
        <v>50</v>
      </c>
      <c r="Q18" s="1"/>
      <c r="R18" s="84"/>
      <c r="S18" s="61"/>
      <c r="T18" s="389" t="s">
        <v>7</v>
      </c>
      <c r="U18" s="59" t="s">
        <v>45</v>
      </c>
      <c r="V18" s="59"/>
      <c r="W18" s="59"/>
      <c r="X18" s="59"/>
      <c r="Y18" s="59"/>
      <c r="Z18" s="59"/>
      <c r="AA18" s="59"/>
      <c r="AB18" s="59"/>
      <c r="AC18" s="59"/>
      <c r="AD18" s="59"/>
      <c r="AE18" s="59"/>
      <c r="AF18" s="59"/>
      <c r="AG18" s="59"/>
      <c r="AH18" s="59"/>
      <c r="AI18" s="59"/>
      <c r="AJ18" s="59"/>
      <c r="AK18" s="59"/>
      <c r="AL18" s="59"/>
      <c r="AM18" s="57"/>
      <c r="AN18" s="56"/>
      <c r="AO18" s="59"/>
      <c r="AP18" s="59"/>
      <c r="AQ18" s="59"/>
      <c r="AR18" s="59"/>
      <c r="AS18" s="59"/>
      <c r="AT18" s="59"/>
      <c r="AU18" s="60"/>
    </row>
    <row r="19" spans="1:47" ht="17.25" customHeight="1" x14ac:dyDescent="0.15">
      <c r="A19" s="48"/>
      <c r="B19" s="62"/>
      <c r="C19" s="399" t="s">
        <v>848</v>
      </c>
      <c r="E19" s="43"/>
      <c r="F19" s="43"/>
      <c r="G19" s="43"/>
      <c r="H19" s="43"/>
      <c r="I19" s="43"/>
      <c r="J19" s="43"/>
      <c r="K19" s="44"/>
      <c r="L19" s="1"/>
      <c r="M19" s="1"/>
      <c r="N19" s="1"/>
      <c r="O19" s="1"/>
      <c r="P19" s="1"/>
      <c r="Q19" s="1"/>
      <c r="R19" s="84"/>
      <c r="S19" s="61"/>
      <c r="T19" s="64"/>
      <c r="U19" s="396" t="s">
        <v>8</v>
      </c>
      <c r="V19" s="1" t="s">
        <v>11</v>
      </c>
      <c r="W19" s="6"/>
      <c r="X19" s="6"/>
      <c r="Y19" s="396" t="s">
        <v>8</v>
      </c>
      <c r="Z19" s="1" t="s">
        <v>12</v>
      </c>
      <c r="AA19" s="6"/>
      <c r="AB19" s="6"/>
      <c r="AE19" s="423" t="s">
        <v>15</v>
      </c>
      <c r="AF19" s="1" t="s">
        <v>10</v>
      </c>
      <c r="AG19" s="6"/>
      <c r="AH19" s="6"/>
      <c r="AI19" s="6"/>
      <c r="AJ19" s="6"/>
      <c r="AK19" s="6"/>
      <c r="AL19" s="6"/>
      <c r="AM19" s="6"/>
      <c r="AN19" s="6"/>
      <c r="AO19" s="6"/>
      <c r="AP19" s="6"/>
      <c r="AQ19" s="6"/>
      <c r="AR19" s="6"/>
      <c r="AS19" s="6"/>
      <c r="AT19" s="6"/>
      <c r="AU19" s="50"/>
    </row>
    <row r="20" spans="1:47" ht="17.25" customHeight="1" x14ac:dyDescent="0.15">
      <c r="A20" s="53"/>
      <c r="B20" s="391"/>
      <c r="C20" s="2"/>
      <c r="D20" s="52"/>
      <c r="E20" s="52"/>
      <c r="F20" s="52"/>
      <c r="G20" s="52"/>
      <c r="H20" s="52"/>
      <c r="I20" s="52"/>
      <c r="J20" s="52"/>
      <c r="K20" s="52"/>
      <c r="L20" s="52"/>
      <c r="M20" s="52"/>
      <c r="N20" s="54"/>
      <c r="O20" s="54"/>
      <c r="P20" s="54"/>
      <c r="Q20" s="54"/>
      <c r="R20" s="85"/>
      <c r="S20" s="63"/>
      <c r="T20" s="65"/>
      <c r="U20" s="5" t="s">
        <v>7</v>
      </c>
      <c r="V20" s="2" t="s">
        <v>13</v>
      </c>
      <c r="W20" s="54"/>
      <c r="X20" s="54"/>
      <c r="Y20" s="5" t="s">
        <v>8</v>
      </c>
      <c r="Z20" s="2" t="s">
        <v>14</v>
      </c>
      <c r="AA20" s="55"/>
      <c r="AB20" s="55"/>
      <c r="AC20" s="55"/>
      <c r="AD20" s="55"/>
      <c r="AE20" s="424"/>
      <c r="AF20" s="24" t="s">
        <v>41</v>
      </c>
      <c r="AG20" s="425"/>
      <c r="AH20" s="425"/>
      <c r="AI20" s="425"/>
      <c r="AJ20" s="425"/>
      <c r="AK20" s="425"/>
      <c r="AL20" s="425"/>
      <c r="AM20" s="425"/>
      <c r="AN20" s="425"/>
      <c r="AO20" s="425"/>
      <c r="AP20" s="425"/>
      <c r="AQ20" s="425"/>
      <c r="AR20" s="425"/>
      <c r="AS20" s="425"/>
      <c r="AT20" s="425"/>
      <c r="AU20" s="21" t="s">
        <v>42</v>
      </c>
    </row>
    <row r="21" spans="1:47" ht="17.25" customHeight="1" x14ac:dyDescent="0.15">
      <c r="B21" s="387" t="s">
        <v>51</v>
      </c>
      <c r="C21" s="387"/>
      <c r="D21" s="1"/>
      <c r="E21" s="17"/>
      <c r="F21" s="17"/>
      <c r="G21" s="17"/>
      <c r="H21" s="17"/>
      <c r="I21" s="17"/>
      <c r="J21" s="17"/>
      <c r="K21" s="17"/>
      <c r="L21" s="17"/>
      <c r="M21" s="17"/>
      <c r="N21" s="49"/>
      <c r="O21" s="49"/>
      <c r="P21" s="49"/>
      <c r="Q21" s="49"/>
      <c r="R21" s="49"/>
      <c r="T21" s="49"/>
      <c r="U21" s="49"/>
      <c r="V21" s="1"/>
      <c r="W21" s="49"/>
      <c r="X21" s="49"/>
      <c r="Y21" s="49"/>
      <c r="Z21" s="1"/>
      <c r="AA21" s="86"/>
      <c r="AB21" s="86"/>
      <c r="AC21" s="86"/>
      <c r="AD21" s="86"/>
      <c r="AE21" s="82"/>
      <c r="AF21" s="6"/>
      <c r="AG21" s="83"/>
      <c r="AH21" s="83"/>
      <c r="AI21" s="83"/>
      <c r="AJ21" s="83"/>
      <c r="AK21" s="83"/>
      <c r="AL21" s="83"/>
      <c r="AM21" s="83"/>
      <c r="AN21" s="83"/>
      <c r="AO21" s="83"/>
      <c r="AP21" s="83"/>
      <c r="AQ21" s="83"/>
      <c r="AR21" s="83"/>
      <c r="AS21" s="83"/>
      <c r="AT21" s="83"/>
      <c r="AU21" s="6"/>
    </row>
    <row r="22" spans="1:47" ht="17.25" customHeight="1" x14ac:dyDescent="0.15">
      <c r="B22" s="387"/>
      <c r="C22" s="399" t="s">
        <v>845</v>
      </c>
      <c r="D22" s="1"/>
      <c r="E22" s="17"/>
      <c r="F22" s="17"/>
      <c r="G22" s="17"/>
      <c r="H22" s="17"/>
      <c r="I22" s="17"/>
      <c r="J22" s="17"/>
      <c r="K22" s="17"/>
      <c r="L22" s="17"/>
      <c r="M22" s="17"/>
      <c r="N22" s="49"/>
      <c r="O22" s="49"/>
      <c r="P22" s="49"/>
      <c r="Q22" s="49"/>
      <c r="R22" s="49"/>
      <c r="T22" s="49"/>
      <c r="U22" s="49"/>
      <c r="V22" s="1"/>
      <c r="W22" s="49"/>
      <c r="X22" s="49"/>
      <c r="Y22" s="49"/>
      <c r="Z22" s="1"/>
      <c r="AA22" s="86"/>
      <c r="AB22" s="86"/>
      <c r="AC22" s="86"/>
      <c r="AD22" s="86"/>
      <c r="AE22" s="82"/>
      <c r="AF22" s="6"/>
      <c r="AG22" s="83"/>
      <c r="AH22" s="83"/>
      <c r="AI22" s="83"/>
      <c r="AJ22" s="83"/>
      <c r="AK22" s="83"/>
      <c r="AL22" s="83"/>
      <c r="AM22" s="83"/>
      <c r="AN22" s="83"/>
      <c r="AO22" s="83"/>
      <c r="AP22" s="83"/>
      <c r="AQ22" s="83"/>
      <c r="AR22" s="83"/>
      <c r="AS22" s="83"/>
      <c r="AT22" s="83"/>
      <c r="AU22" s="6"/>
    </row>
    <row r="23" spans="1:47" ht="17.25" customHeight="1" x14ac:dyDescent="0.15"/>
    <row r="24" spans="1:47" ht="17.25" customHeight="1" x14ac:dyDescent="0.15">
      <c r="A24" s="427"/>
      <c r="B24" s="428"/>
      <c r="C24" s="428"/>
      <c r="D24" s="428"/>
      <c r="E24" s="428"/>
      <c r="F24" s="428"/>
      <c r="G24" s="428"/>
      <c r="H24" s="429"/>
      <c r="I24" s="426" t="s">
        <v>9</v>
      </c>
      <c r="J24" s="426"/>
      <c r="K24" s="426"/>
      <c r="L24" s="426"/>
      <c r="M24" s="426"/>
      <c r="N24" s="426"/>
      <c r="O24" s="426"/>
      <c r="P24" s="426"/>
      <c r="Q24" s="426"/>
      <c r="R24" s="426"/>
      <c r="S24" s="426"/>
      <c r="T24" s="426"/>
      <c r="U24" s="426"/>
      <c r="V24" s="426"/>
      <c r="W24" s="426"/>
      <c r="X24" s="426"/>
      <c r="Y24" s="426"/>
      <c r="Z24" s="426"/>
      <c r="AA24" s="426"/>
      <c r="AB24" s="426"/>
      <c r="AC24" s="426"/>
      <c r="AD24" s="426"/>
      <c r="AE24" s="426"/>
      <c r="AF24" s="426"/>
      <c r="AG24" s="426"/>
      <c r="AH24" s="426"/>
      <c r="AI24" s="426"/>
      <c r="AJ24" s="426"/>
      <c r="AK24" s="426"/>
      <c r="AL24" s="426"/>
      <c r="AM24" s="426"/>
      <c r="AN24" s="426"/>
      <c r="AO24" s="426"/>
      <c r="AP24" s="426"/>
      <c r="AQ24" s="426"/>
      <c r="AR24" s="426"/>
      <c r="AS24" s="426"/>
      <c r="AT24" s="22"/>
      <c r="AU24" s="20"/>
    </row>
    <row r="25" spans="1:47" ht="17.25" customHeight="1" x14ac:dyDescent="0.15">
      <c r="A25" s="414" t="s">
        <v>35</v>
      </c>
      <c r="B25" s="415"/>
      <c r="C25" s="415"/>
      <c r="D25" s="415"/>
      <c r="E25" s="415"/>
      <c r="F25" s="415"/>
      <c r="G25" s="415"/>
      <c r="H25" s="415"/>
      <c r="I25" s="398" t="s">
        <v>7</v>
      </c>
      <c r="J25" s="66" t="s">
        <v>16</v>
      </c>
      <c r="K25" s="3"/>
      <c r="L25" s="3"/>
      <c r="M25" s="22"/>
      <c r="N25" s="3"/>
      <c r="O25" s="3"/>
      <c r="P25" s="3"/>
      <c r="Q25" s="22"/>
      <c r="R25" s="397" t="s">
        <v>7</v>
      </c>
      <c r="S25" s="3" t="s">
        <v>17</v>
      </c>
      <c r="T25" s="3"/>
      <c r="U25" s="3"/>
      <c r="V25" s="22"/>
      <c r="W25" s="3"/>
      <c r="X25" s="3"/>
      <c r="Y25" s="3"/>
      <c r="Z25" s="22"/>
      <c r="AA25" s="397" t="s">
        <v>7</v>
      </c>
      <c r="AB25" s="3" t="s">
        <v>18</v>
      </c>
      <c r="AC25" s="3"/>
      <c r="AD25" s="3"/>
      <c r="AE25" s="3"/>
      <c r="AF25" s="3"/>
      <c r="AG25" s="22"/>
      <c r="AH25" s="3"/>
      <c r="AI25" s="3"/>
      <c r="AJ25" s="3"/>
      <c r="AK25" s="397" t="s">
        <v>7</v>
      </c>
      <c r="AL25" s="3" t="s">
        <v>32</v>
      </c>
      <c r="AM25" s="22"/>
      <c r="AN25" s="3"/>
      <c r="AO25" s="22"/>
      <c r="AP25" s="22"/>
      <c r="AQ25" s="3"/>
      <c r="AR25" s="3"/>
      <c r="AS25" s="3"/>
      <c r="AT25" s="22"/>
      <c r="AU25" s="20"/>
    </row>
    <row r="26" spans="1:47" ht="17.25" customHeight="1" x14ac:dyDescent="0.15">
      <c r="A26" s="414"/>
      <c r="B26" s="415"/>
      <c r="C26" s="415"/>
      <c r="D26" s="415"/>
      <c r="E26" s="415"/>
      <c r="F26" s="415"/>
      <c r="G26" s="415"/>
      <c r="H26" s="415"/>
      <c r="I26" s="27"/>
      <c r="J26" s="389" t="s">
        <v>7</v>
      </c>
      <c r="K26" s="59" t="s">
        <v>36</v>
      </c>
      <c r="L26" s="59"/>
      <c r="M26" s="68"/>
      <c r="N26" s="59"/>
      <c r="O26" s="59"/>
      <c r="P26" s="59"/>
      <c r="Q26" s="68"/>
      <c r="R26" s="68"/>
      <c r="S26" s="68"/>
      <c r="T26" s="69"/>
      <c r="U26" s="70"/>
      <c r="V26" s="59"/>
      <c r="W26" s="59"/>
      <c r="X26" s="59"/>
      <c r="Y26" s="68"/>
      <c r="Z26" s="59"/>
      <c r="AA26" s="59"/>
      <c r="AB26" s="77"/>
      <c r="AC26" s="78"/>
      <c r="AD26" s="79"/>
      <c r="AE26" s="79"/>
      <c r="AF26" s="79"/>
      <c r="AG26" s="77"/>
      <c r="AH26" s="70"/>
      <c r="AI26" s="70"/>
      <c r="AJ26" s="77"/>
      <c r="AK26" s="77"/>
      <c r="AL26" s="77"/>
      <c r="AM26" s="78"/>
      <c r="AN26" s="77"/>
      <c r="AO26" s="77"/>
      <c r="AP26" s="77"/>
      <c r="AQ26" s="78"/>
      <c r="AR26" s="78"/>
      <c r="AS26" s="78"/>
      <c r="AT26" s="68"/>
      <c r="AU26" s="73"/>
    </row>
    <row r="27" spans="1:47" ht="17.25" customHeight="1" x14ac:dyDescent="0.15">
      <c r="A27" s="414"/>
      <c r="B27" s="415"/>
      <c r="C27" s="415"/>
      <c r="D27" s="415"/>
      <c r="E27" s="415"/>
      <c r="F27" s="415"/>
      <c r="G27" s="415"/>
      <c r="H27" s="415"/>
      <c r="I27" s="398" t="s">
        <v>7</v>
      </c>
      <c r="J27" s="3" t="s">
        <v>19</v>
      </c>
      <c r="K27" s="3"/>
      <c r="L27" s="3"/>
      <c r="M27" s="22"/>
      <c r="N27" s="3"/>
      <c r="O27" s="3"/>
      <c r="P27" s="3"/>
      <c r="Q27" s="22"/>
      <c r="R27" s="22"/>
      <c r="S27" s="22"/>
      <c r="T27" s="9"/>
      <c r="U27" s="397" t="s">
        <v>7</v>
      </c>
      <c r="V27" s="10" t="s">
        <v>20</v>
      </c>
      <c r="W27" s="67"/>
      <c r="X27" s="3"/>
      <c r="Y27" s="26"/>
      <c r="Z27" s="3" t="s">
        <v>49</v>
      </c>
      <c r="AA27" s="3"/>
      <c r="AB27" s="22"/>
      <c r="AC27" s="22"/>
      <c r="AD27" s="22"/>
      <c r="AE27" s="22"/>
      <c r="AF27" s="22"/>
      <c r="AG27" s="22"/>
      <c r="AH27" s="22" t="s">
        <v>26</v>
      </c>
      <c r="AI27" s="22"/>
      <c r="AJ27" s="22"/>
      <c r="AK27" s="22"/>
      <c r="AL27" s="22"/>
      <c r="AM27" s="22"/>
      <c r="AN27" s="22"/>
      <c r="AO27" s="22"/>
      <c r="AP27" s="22"/>
      <c r="AQ27" s="22"/>
      <c r="AR27" s="22"/>
      <c r="AS27" s="22"/>
      <c r="AT27" s="22"/>
      <c r="AU27" s="20"/>
    </row>
    <row r="28" spans="1:47" ht="17.25" customHeight="1" x14ac:dyDescent="0.15">
      <c r="A28" s="414"/>
      <c r="B28" s="415"/>
      <c r="C28" s="415"/>
      <c r="D28" s="415"/>
      <c r="E28" s="415"/>
      <c r="F28" s="415"/>
      <c r="G28" s="415"/>
      <c r="H28" s="415"/>
      <c r="I28" s="27"/>
      <c r="J28" s="389" t="s">
        <v>7</v>
      </c>
      <c r="K28" s="59" t="s">
        <v>37</v>
      </c>
      <c r="L28" s="59"/>
      <c r="M28" s="68"/>
      <c r="N28" s="59"/>
      <c r="O28" s="59"/>
      <c r="P28" s="59"/>
      <c r="Q28" s="68"/>
      <c r="R28" s="68"/>
      <c r="S28" s="68"/>
      <c r="T28" s="69"/>
      <c r="U28" s="70"/>
      <c r="V28" s="59"/>
      <c r="W28" s="69"/>
      <c r="X28" s="69"/>
      <c r="Y28" s="69"/>
      <c r="Z28" s="69"/>
      <c r="AA28" s="69"/>
      <c r="AB28" s="69"/>
      <c r="AC28" s="69"/>
      <c r="AD28" s="69"/>
      <c r="AE28" s="69"/>
      <c r="AF28" s="69"/>
      <c r="AG28" s="69"/>
      <c r="AH28" s="71"/>
      <c r="AI28" s="70"/>
      <c r="AJ28" s="56"/>
      <c r="AK28" s="72"/>
      <c r="AL28" s="68"/>
      <c r="AM28" s="59"/>
      <c r="AN28" s="59"/>
      <c r="AO28" s="68"/>
      <c r="AP28" s="68"/>
      <c r="AQ28" s="68"/>
      <c r="AR28" s="68"/>
      <c r="AS28" s="68"/>
      <c r="AT28" s="68"/>
      <c r="AU28" s="73"/>
    </row>
    <row r="29" spans="1:47" ht="17.25" customHeight="1" x14ac:dyDescent="0.15">
      <c r="A29" s="414"/>
      <c r="B29" s="415"/>
      <c r="C29" s="415"/>
      <c r="D29" s="415"/>
      <c r="E29" s="415"/>
      <c r="F29" s="415"/>
      <c r="G29" s="415"/>
      <c r="H29" s="415"/>
      <c r="I29" s="23"/>
      <c r="J29" s="74"/>
      <c r="K29" s="2" t="s">
        <v>38</v>
      </c>
      <c r="L29" s="2"/>
      <c r="M29" s="24"/>
      <c r="N29" s="2"/>
      <c r="O29" s="2"/>
      <c r="P29" s="5" t="s">
        <v>7</v>
      </c>
      <c r="Q29" s="2" t="s">
        <v>22</v>
      </c>
      <c r="R29" s="8"/>
      <c r="S29" s="25"/>
      <c r="T29" s="2"/>
      <c r="U29" s="5" t="s">
        <v>7</v>
      </c>
      <c r="V29" s="2" t="s">
        <v>23</v>
      </c>
      <c r="W29" s="8"/>
      <c r="X29" s="8"/>
      <c r="Y29" s="28"/>
      <c r="Z29" s="5" t="s">
        <v>7</v>
      </c>
      <c r="AA29" s="2" t="s">
        <v>24</v>
      </c>
      <c r="AB29" s="24"/>
      <c r="AC29" s="24"/>
      <c r="AD29" s="24"/>
      <c r="AE29" s="24"/>
      <c r="AF29" s="5" t="s">
        <v>7</v>
      </c>
      <c r="AG29" s="2" t="s">
        <v>0</v>
      </c>
      <c r="AH29" s="24"/>
      <c r="AI29" s="28" t="s">
        <v>25</v>
      </c>
      <c r="AJ29" s="51"/>
      <c r="AK29" s="51"/>
      <c r="AL29" s="2"/>
      <c r="AM29" s="2"/>
      <c r="AN29" s="24"/>
      <c r="AO29" s="24"/>
      <c r="AP29" s="24"/>
      <c r="AQ29" s="24" t="s">
        <v>26</v>
      </c>
      <c r="AR29" s="24"/>
      <c r="AS29" s="24"/>
      <c r="AT29" s="24"/>
      <c r="AU29" s="21"/>
    </row>
    <row r="30" spans="1:47" ht="17.25" customHeight="1" x14ac:dyDescent="0.15">
      <c r="A30" s="411" t="s">
        <v>21</v>
      </c>
      <c r="B30" s="412"/>
      <c r="C30" s="412"/>
      <c r="D30" s="412"/>
      <c r="E30" s="412"/>
      <c r="F30" s="412"/>
      <c r="G30" s="412"/>
      <c r="H30" s="413"/>
      <c r="I30" s="398" t="s">
        <v>7</v>
      </c>
      <c r="J30" s="10" t="s">
        <v>20</v>
      </c>
      <c r="K30" s="67"/>
      <c r="L30" s="3"/>
      <c r="M30" s="26"/>
      <c r="N30" s="26" t="s">
        <v>25</v>
      </c>
      <c r="O30" s="3"/>
      <c r="P30" s="3"/>
      <c r="Q30" s="22"/>
      <c r="R30" s="22"/>
      <c r="S30" s="22"/>
      <c r="T30" s="22"/>
      <c r="U30" s="22" t="s">
        <v>26</v>
      </c>
      <c r="V30" s="22"/>
      <c r="W30" s="10"/>
      <c r="X30" s="3"/>
      <c r="Y30" s="22"/>
      <c r="Z30" s="22"/>
      <c r="AA30" s="22"/>
      <c r="AB30" s="22"/>
      <c r="AC30" s="22"/>
      <c r="AD30" s="3"/>
      <c r="AE30" s="3"/>
      <c r="AF30" s="3"/>
      <c r="AG30" s="3"/>
      <c r="AH30" s="22"/>
      <c r="AI30" s="22"/>
      <c r="AJ30" s="22"/>
      <c r="AK30" s="22"/>
      <c r="AL30" s="22"/>
      <c r="AM30" s="22"/>
      <c r="AN30" s="3"/>
      <c r="AO30" s="22"/>
      <c r="AP30" s="22"/>
      <c r="AQ30" s="22"/>
      <c r="AR30" s="22"/>
      <c r="AS30" s="22"/>
      <c r="AT30" s="22"/>
      <c r="AU30" s="20"/>
    </row>
    <row r="31" spans="1:47" ht="17.25" customHeight="1" x14ac:dyDescent="0.15">
      <c r="A31" s="414"/>
      <c r="B31" s="415"/>
      <c r="C31" s="415"/>
      <c r="D31" s="415"/>
      <c r="E31" s="415"/>
      <c r="F31" s="415"/>
      <c r="G31" s="415"/>
      <c r="H31" s="416"/>
      <c r="I31" s="80"/>
      <c r="J31" s="389" t="s">
        <v>7</v>
      </c>
      <c r="K31" s="409" t="s">
        <v>43</v>
      </c>
      <c r="L31" s="409"/>
      <c r="M31" s="409"/>
      <c r="N31" s="409"/>
      <c r="O31" s="409"/>
      <c r="P31" s="409"/>
      <c r="Q31" s="409"/>
      <c r="R31" s="409"/>
      <c r="S31" s="409"/>
      <c r="T31" s="409"/>
      <c r="U31" s="409"/>
      <c r="V31" s="409"/>
      <c r="W31" s="409"/>
      <c r="X31" s="409"/>
      <c r="Y31" s="409"/>
      <c r="Z31" s="409"/>
      <c r="AA31" s="409"/>
      <c r="AB31" s="409"/>
      <c r="AC31" s="409"/>
      <c r="AD31" s="409"/>
      <c r="AE31" s="409"/>
      <c r="AF31" s="409"/>
      <c r="AG31" s="409"/>
      <c r="AH31" s="409"/>
      <c r="AI31" s="409"/>
      <c r="AJ31" s="409"/>
      <c r="AK31" s="409"/>
      <c r="AL31" s="409"/>
      <c r="AM31" s="409"/>
      <c r="AN31" s="409"/>
      <c r="AO31" s="409"/>
      <c r="AP31" s="409"/>
      <c r="AQ31" s="409"/>
      <c r="AR31" s="409"/>
      <c r="AS31" s="409"/>
      <c r="AT31" s="409"/>
      <c r="AU31" s="410"/>
    </row>
    <row r="32" spans="1:47" ht="17.25" customHeight="1" x14ac:dyDescent="0.15">
      <c r="A32" s="414"/>
      <c r="B32" s="415"/>
      <c r="C32" s="415"/>
      <c r="D32" s="415"/>
      <c r="E32" s="415"/>
      <c r="F32" s="415"/>
      <c r="G32" s="415"/>
      <c r="H32" s="416"/>
      <c r="I32" s="80"/>
      <c r="J32" s="75"/>
      <c r="K32" s="43" t="s">
        <v>44</v>
      </c>
      <c r="L32" s="43"/>
      <c r="M32" s="43"/>
      <c r="N32" s="43"/>
      <c r="O32" s="43"/>
      <c r="P32" s="43"/>
      <c r="Q32" s="43"/>
      <c r="R32" s="43"/>
      <c r="S32" s="43"/>
      <c r="T32" s="43"/>
      <c r="U32" s="43"/>
      <c r="V32" s="43"/>
      <c r="W32" s="43"/>
      <c r="X32" s="43"/>
      <c r="Y32" s="43"/>
      <c r="Z32" s="43"/>
      <c r="AA32" s="43"/>
      <c r="AB32" s="43"/>
      <c r="AC32" s="43"/>
      <c r="AD32" s="43"/>
      <c r="AE32" s="43"/>
      <c r="AF32" s="43"/>
      <c r="AG32" s="43"/>
      <c r="AH32" s="43"/>
      <c r="AI32" s="43"/>
      <c r="AJ32" s="43"/>
      <c r="AK32" s="43"/>
      <c r="AL32" s="43"/>
      <c r="AM32" s="43"/>
      <c r="AN32" s="43"/>
      <c r="AO32" s="43"/>
      <c r="AP32" s="43"/>
      <c r="AQ32" s="43"/>
      <c r="AR32" s="43"/>
      <c r="AS32" s="43"/>
      <c r="AT32" s="43"/>
      <c r="AU32" s="76"/>
    </row>
    <row r="33" spans="1:47" ht="17.25" customHeight="1" x14ac:dyDescent="0.15">
      <c r="A33" s="417"/>
      <c r="B33" s="418"/>
      <c r="C33" s="418"/>
      <c r="D33" s="418"/>
      <c r="E33" s="418"/>
      <c r="F33" s="418"/>
      <c r="G33" s="418"/>
      <c r="H33" s="419"/>
      <c r="I33" s="81"/>
      <c r="J33" s="74"/>
      <c r="K33" s="2" t="s">
        <v>38</v>
      </c>
      <c r="L33" s="2"/>
      <c r="M33" s="24"/>
      <c r="N33" s="2"/>
      <c r="O33" s="2"/>
      <c r="P33" s="5" t="s">
        <v>7</v>
      </c>
      <c r="Q33" s="2" t="s">
        <v>22</v>
      </c>
      <c r="R33" s="8"/>
      <c r="S33" s="25"/>
      <c r="T33" s="2"/>
      <c r="U33" s="5" t="s">
        <v>7</v>
      </c>
      <c r="V33" s="2" t="s">
        <v>23</v>
      </c>
      <c r="W33" s="8"/>
      <c r="X33" s="8"/>
      <c r="Y33" s="28"/>
      <c r="Z33" s="5" t="s">
        <v>7</v>
      </c>
      <c r="AA33" s="2" t="s">
        <v>24</v>
      </c>
      <c r="AB33" s="24"/>
      <c r="AC33" s="24"/>
      <c r="AD33" s="24"/>
      <c r="AE33" s="24"/>
      <c r="AF33" s="5" t="s">
        <v>7</v>
      </c>
      <c r="AG33" s="2" t="s">
        <v>0</v>
      </c>
      <c r="AH33" s="24"/>
      <c r="AI33" s="28" t="s">
        <v>25</v>
      </c>
      <c r="AJ33" s="51"/>
      <c r="AK33" s="51"/>
      <c r="AL33" s="2"/>
      <c r="AM33" s="2"/>
      <c r="AN33" s="24"/>
      <c r="AO33" s="24"/>
      <c r="AP33" s="24"/>
      <c r="AQ33" s="24" t="s">
        <v>26</v>
      </c>
      <c r="AR33" s="24"/>
      <c r="AS33" s="24"/>
      <c r="AT33" s="24"/>
      <c r="AU33" s="21"/>
    </row>
    <row r="34" spans="1:47" ht="15.75" customHeight="1" x14ac:dyDescent="0.15"/>
    <row r="35" spans="1:47" ht="15.75" customHeight="1" x14ac:dyDescent="0.15"/>
    <row r="36" spans="1:47" ht="15.75" customHeight="1" x14ac:dyDescent="0.15"/>
    <row r="37" spans="1:47" ht="15.75" customHeight="1" x14ac:dyDescent="0.15"/>
    <row r="38" spans="1:47" ht="15.75" customHeight="1" x14ac:dyDescent="0.15"/>
    <row r="39" spans="1:47" ht="15.75" customHeight="1" x14ac:dyDescent="0.15"/>
    <row r="40" spans="1:47" ht="15.75" customHeight="1" x14ac:dyDescent="0.15"/>
    <row r="41" spans="1:47" ht="15.75" customHeight="1" x14ac:dyDescent="0.15"/>
    <row r="42" spans="1:47" ht="15.75" customHeight="1" x14ac:dyDescent="0.15"/>
    <row r="43" spans="1:47" ht="15.75" customHeight="1" x14ac:dyDescent="0.15"/>
    <row r="44" spans="1:47" ht="15.75" customHeight="1" x14ac:dyDescent="0.15"/>
    <row r="45" spans="1:47" ht="15.75" customHeight="1" x14ac:dyDescent="0.15"/>
    <row r="46" spans="1:47" ht="15.75" customHeight="1" x14ac:dyDescent="0.15"/>
    <row r="47" spans="1:47" ht="15.75" customHeight="1" x14ac:dyDescent="0.15"/>
    <row r="48" spans="1:47" ht="15.75" customHeight="1" x14ac:dyDescent="0.15"/>
    <row r="49" ht="15.75" customHeight="1" x14ac:dyDescent="0.15"/>
    <row r="50" ht="15.75" customHeight="1" x14ac:dyDescent="0.15"/>
    <row r="51" ht="15.75" customHeight="1" x14ac:dyDescent="0.15"/>
    <row r="52" ht="15.75" customHeight="1" x14ac:dyDescent="0.15"/>
    <row r="53" ht="15.75" customHeight="1" x14ac:dyDescent="0.15"/>
    <row r="54" ht="15.75" customHeight="1" x14ac:dyDescent="0.15"/>
    <row r="55" ht="15.75" customHeight="1" x14ac:dyDescent="0.15"/>
    <row r="56" ht="15.75" customHeight="1" x14ac:dyDescent="0.15"/>
    <row r="57" ht="15.75" customHeight="1" x14ac:dyDescent="0.15"/>
    <row r="58" ht="15.75" customHeight="1" x14ac:dyDescent="0.15"/>
    <row r="59" ht="15.75" customHeight="1" x14ac:dyDescent="0.15"/>
    <row r="60" ht="15.75" customHeight="1" x14ac:dyDescent="0.15"/>
    <row r="61" ht="15.75" customHeight="1" x14ac:dyDescent="0.15"/>
    <row r="62" ht="15.75" customHeight="1" x14ac:dyDescent="0.15"/>
    <row r="63" ht="15.75" customHeight="1" x14ac:dyDescent="0.15"/>
    <row r="64" ht="15.75" customHeight="1" x14ac:dyDescent="0.15"/>
    <row r="65" ht="15.75" customHeight="1" x14ac:dyDescent="0.15"/>
    <row r="66" ht="15.75" customHeight="1" x14ac:dyDescent="0.15"/>
    <row r="67" ht="15.75" customHeight="1" x14ac:dyDescent="0.15"/>
    <row r="68" ht="15.75" customHeight="1" x14ac:dyDescent="0.15"/>
    <row r="69" ht="15.75" customHeight="1" x14ac:dyDescent="0.15"/>
    <row r="70" ht="15.75" customHeight="1" x14ac:dyDescent="0.15"/>
    <row r="71" ht="15.75" customHeight="1" x14ac:dyDescent="0.15"/>
    <row r="72" ht="15.75" customHeight="1" x14ac:dyDescent="0.15"/>
    <row r="73" ht="15.75" customHeight="1" x14ac:dyDescent="0.15"/>
    <row r="74" ht="15.75" customHeight="1" x14ac:dyDescent="0.15"/>
    <row r="75" ht="15.75" customHeight="1" x14ac:dyDescent="0.15"/>
    <row r="76" ht="15.75" customHeight="1" x14ac:dyDescent="0.15"/>
    <row r="77" ht="15.75" customHeight="1" x14ac:dyDescent="0.15"/>
    <row r="78" ht="15.75" customHeight="1" x14ac:dyDescent="0.15"/>
    <row r="79" ht="15.75" customHeight="1" x14ac:dyDescent="0.15"/>
    <row r="80" ht="15.75" customHeight="1" x14ac:dyDescent="0.15"/>
    <row r="81" ht="15.75" customHeight="1" x14ac:dyDescent="0.15"/>
    <row r="82" ht="15.75" customHeight="1" x14ac:dyDescent="0.15"/>
    <row r="83" ht="15.75" customHeight="1" x14ac:dyDescent="0.15"/>
    <row r="84" ht="15.75" customHeight="1" x14ac:dyDescent="0.15"/>
    <row r="85" ht="15.75" customHeight="1" x14ac:dyDescent="0.15"/>
    <row r="86" ht="15.75" customHeight="1" x14ac:dyDescent="0.15"/>
    <row r="87" ht="15.75" customHeight="1" x14ac:dyDescent="0.15"/>
    <row r="88" ht="15.75" customHeight="1" x14ac:dyDescent="0.15"/>
    <row r="89" ht="15.75" customHeight="1" x14ac:dyDescent="0.15"/>
    <row r="90" ht="15.75" customHeight="1" x14ac:dyDescent="0.15"/>
    <row r="91" ht="15.75" customHeight="1" x14ac:dyDescent="0.15"/>
    <row r="92" ht="15.75" customHeight="1" x14ac:dyDescent="0.15"/>
    <row r="93" ht="15.75" customHeight="1" x14ac:dyDescent="0.15"/>
    <row r="94" ht="15.75" customHeight="1" x14ac:dyDescent="0.15"/>
    <row r="95" ht="15.75" customHeight="1" x14ac:dyDescent="0.15"/>
    <row r="96" ht="15.75" customHeight="1" x14ac:dyDescent="0.15"/>
    <row r="97" ht="15.75" customHeight="1" x14ac:dyDescent="0.15"/>
    <row r="98" ht="15.75" customHeight="1" x14ac:dyDescent="0.15"/>
    <row r="99" ht="15.75" customHeight="1" x14ac:dyDescent="0.15"/>
    <row r="100" ht="15.75" customHeight="1" x14ac:dyDescent="0.15"/>
    <row r="101" ht="15.75" customHeight="1" x14ac:dyDescent="0.15"/>
    <row r="102" ht="15.75" customHeight="1" x14ac:dyDescent="0.15"/>
    <row r="103" ht="15.75" customHeight="1" x14ac:dyDescent="0.15"/>
    <row r="104" ht="15.75" customHeight="1" x14ac:dyDescent="0.15"/>
    <row r="105" ht="15.75" customHeight="1" x14ac:dyDescent="0.15"/>
    <row r="106" ht="15.75" customHeight="1" x14ac:dyDescent="0.15"/>
    <row r="107" ht="15.75" customHeight="1" x14ac:dyDescent="0.15"/>
    <row r="108" ht="15.75" customHeight="1" x14ac:dyDescent="0.15"/>
    <row r="109" ht="15.75" customHeight="1" x14ac:dyDescent="0.15"/>
    <row r="110" ht="15.75" customHeight="1" x14ac:dyDescent="0.15"/>
    <row r="111" ht="15.75" customHeight="1" x14ac:dyDescent="0.15"/>
    <row r="112" ht="15.75" customHeight="1" x14ac:dyDescent="0.15"/>
    <row r="113" ht="15.75" customHeight="1" x14ac:dyDescent="0.15"/>
    <row r="114" ht="15.75" customHeight="1" x14ac:dyDescent="0.15"/>
    <row r="115" ht="15.75" customHeight="1" x14ac:dyDescent="0.15"/>
    <row r="116" ht="15.75" customHeight="1" x14ac:dyDescent="0.15"/>
    <row r="117" ht="15.75" customHeight="1" x14ac:dyDescent="0.15"/>
    <row r="118" ht="15.75" customHeight="1" x14ac:dyDescent="0.15"/>
    <row r="119" ht="15.75" customHeight="1" x14ac:dyDescent="0.15"/>
    <row r="120" ht="15.75" customHeight="1" x14ac:dyDescent="0.15"/>
    <row r="121" ht="15.75" customHeight="1" x14ac:dyDescent="0.15"/>
    <row r="122" ht="15.75" customHeight="1" x14ac:dyDescent="0.15"/>
    <row r="123" ht="15.75" customHeight="1" x14ac:dyDescent="0.15"/>
    <row r="124" ht="15.75" customHeight="1" x14ac:dyDescent="0.15"/>
    <row r="125" ht="15.75" customHeight="1" x14ac:dyDescent="0.15"/>
    <row r="126" ht="15.75" customHeight="1" x14ac:dyDescent="0.15"/>
    <row r="127" ht="15.75" customHeight="1" x14ac:dyDescent="0.15"/>
    <row r="128" ht="15.75" customHeight="1" x14ac:dyDescent="0.15"/>
    <row r="129" ht="15.75" customHeight="1" x14ac:dyDescent="0.15"/>
    <row r="130" ht="15.75" customHeight="1" x14ac:dyDescent="0.15"/>
    <row r="131" ht="15.75" customHeight="1" x14ac:dyDescent="0.15"/>
    <row r="132" ht="15.75" customHeight="1" x14ac:dyDescent="0.15"/>
    <row r="133" ht="15.75" customHeight="1" x14ac:dyDescent="0.15"/>
    <row r="134" ht="15.75" customHeight="1" x14ac:dyDescent="0.15"/>
    <row r="135" ht="15.75" customHeight="1" x14ac:dyDescent="0.15"/>
    <row r="136" ht="15.75" customHeight="1" x14ac:dyDescent="0.15"/>
    <row r="137" ht="15.75" customHeight="1" x14ac:dyDescent="0.15"/>
    <row r="138" ht="15.7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row r="287" ht="15.95" customHeight="1" x14ac:dyDescent="0.15"/>
    <row r="288" ht="15.95" customHeight="1" x14ac:dyDescent="0.15"/>
    <row r="289" ht="15.95" customHeight="1" x14ac:dyDescent="0.15"/>
    <row r="290" ht="15.95" customHeight="1" x14ac:dyDescent="0.15"/>
    <row r="291" ht="15.95" customHeight="1" x14ac:dyDescent="0.15"/>
    <row r="292" ht="15.95" customHeight="1" x14ac:dyDescent="0.15"/>
    <row r="293" ht="15.95" customHeight="1" x14ac:dyDescent="0.15"/>
    <row r="294" ht="15.95" customHeight="1" x14ac:dyDescent="0.15"/>
    <row r="295" ht="15.95" customHeight="1" x14ac:dyDescent="0.15"/>
    <row r="296" ht="15.95" customHeight="1" x14ac:dyDescent="0.15"/>
    <row r="297" ht="15.95" customHeight="1" x14ac:dyDescent="0.15"/>
    <row r="298" ht="15.95" customHeight="1" x14ac:dyDescent="0.15"/>
    <row r="299" ht="15.95" customHeight="1" x14ac:dyDescent="0.15"/>
    <row r="300" ht="15.95" customHeight="1" x14ac:dyDescent="0.15"/>
    <row r="301" ht="15.95" customHeight="1" x14ac:dyDescent="0.15"/>
    <row r="302" ht="15.95" customHeight="1" x14ac:dyDescent="0.15"/>
    <row r="303" ht="15.95" customHeight="1" x14ac:dyDescent="0.15"/>
    <row r="304" ht="15.95" customHeight="1" x14ac:dyDescent="0.15"/>
    <row r="305" ht="15.95" customHeight="1" x14ac:dyDescent="0.15"/>
    <row r="306" ht="15.95" customHeight="1" x14ac:dyDescent="0.15"/>
    <row r="307" ht="15.95" customHeight="1" x14ac:dyDescent="0.15"/>
    <row r="308" ht="15.95" customHeight="1" x14ac:dyDescent="0.15"/>
    <row r="309" ht="15.95" customHeight="1" x14ac:dyDescent="0.15"/>
    <row r="310" ht="15.95" customHeight="1" x14ac:dyDescent="0.15"/>
    <row r="311" ht="15.95" customHeight="1" x14ac:dyDescent="0.15"/>
    <row r="312" ht="15.95" customHeight="1" x14ac:dyDescent="0.15"/>
    <row r="313" ht="15.95" customHeight="1" x14ac:dyDescent="0.15"/>
    <row r="314" ht="15.95" customHeight="1" x14ac:dyDescent="0.15"/>
    <row r="315" ht="15.95" customHeight="1" x14ac:dyDescent="0.15"/>
    <row r="316" ht="15.95" customHeight="1" x14ac:dyDescent="0.15"/>
    <row r="317" ht="15.95" customHeight="1" x14ac:dyDescent="0.15"/>
    <row r="318" ht="15.95" customHeight="1" x14ac:dyDescent="0.15"/>
    <row r="319" ht="15.95" customHeight="1" x14ac:dyDescent="0.15"/>
    <row r="320" ht="15.95" customHeight="1" x14ac:dyDescent="0.15"/>
    <row r="321" ht="15.95" customHeight="1" x14ac:dyDescent="0.15"/>
    <row r="322" ht="15.95" customHeight="1" x14ac:dyDescent="0.15"/>
    <row r="323" ht="15.95" customHeight="1" x14ac:dyDescent="0.15"/>
    <row r="324" ht="15.95" customHeight="1" x14ac:dyDescent="0.15"/>
    <row r="325" ht="15.95" customHeight="1" x14ac:dyDescent="0.15"/>
    <row r="326" ht="15.95" customHeight="1" x14ac:dyDescent="0.15"/>
    <row r="327" ht="15.95" customHeight="1" x14ac:dyDescent="0.15"/>
    <row r="328" ht="15.95" customHeight="1" x14ac:dyDescent="0.15"/>
    <row r="329" ht="15.95" customHeight="1" x14ac:dyDescent="0.15"/>
  </sheetData>
  <mergeCells count="13">
    <mergeCell ref="A4:J4"/>
    <mergeCell ref="A5:J5"/>
    <mergeCell ref="A6:J6"/>
    <mergeCell ref="K31:AU31"/>
    <mergeCell ref="A30:H33"/>
    <mergeCell ref="A11:J11"/>
    <mergeCell ref="A7:J7"/>
    <mergeCell ref="AC7:AH7"/>
    <mergeCell ref="AE19:AE20"/>
    <mergeCell ref="AG20:AT20"/>
    <mergeCell ref="I24:AS24"/>
    <mergeCell ref="A24:H24"/>
    <mergeCell ref="A25:H29"/>
  </mergeCells>
  <phoneticPr fontId="1"/>
  <dataValidations count="1">
    <dataValidation type="list" allowBlank="1" showInputMessage="1" showErrorMessage="1" sqref="J28 I27 U27 I25 J26 AK25 AA25 J31:J32 I30 P29 U29 T18 Z29 P33 U33 Z33 R25 X10 U9:U10 AA9:AA10 U19:U22 Y19:Y22 AF33 S14 B18 AB14:AB17 K11:K17 K19 AF29 AH28 B14:B15 S16">
      <formula1>"□,■"</formula1>
    </dataValidation>
  </dataValidations>
  <pageMargins left="0.70866141732283472" right="0.70866141732283472" top="0.74803149606299213" bottom="0.74803149606299213" header="0.31496062992125984" footer="0.31496062992125984"/>
  <pageSetup paperSize="9" scale="69" orientation="portrait" horizontalDpi="300" verticalDpi="300"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sheetPr>
  <dimension ref="A1:AP259"/>
  <sheetViews>
    <sheetView showGridLines="0" view="pageBreakPreview" zoomScale="85" zoomScaleNormal="55" zoomScaleSheetLayoutView="85" workbookViewId="0"/>
  </sheetViews>
  <sheetFormatPr defaultRowHeight="12" x14ac:dyDescent="0.15"/>
  <cols>
    <col min="1" max="43" width="2.625" style="91" customWidth="1"/>
    <col min="44" max="16384" width="9" style="91"/>
  </cols>
  <sheetData>
    <row r="1" spans="1:42" ht="30" customHeight="1" x14ac:dyDescent="0.15">
      <c r="A1" s="87" t="s">
        <v>267</v>
      </c>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M1" s="89"/>
      <c r="AP1" s="261" t="s">
        <v>314</v>
      </c>
    </row>
    <row r="2" spans="1:42" ht="15.95" customHeight="1" x14ac:dyDescent="0.15">
      <c r="A2" s="248"/>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343"/>
      <c r="AB2" s="343"/>
      <c r="AC2" s="343"/>
      <c r="AD2" s="343"/>
      <c r="AE2" s="343"/>
      <c r="AF2" s="343"/>
      <c r="AG2" s="343"/>
      <c r="AH2" s="343"/>
      <c r="AI2" s="343"/>
      <c r="AJ2" s="343"/>
      <c r="AK2" s="343"/>
      <c r="AL2" s="343"/>
      <c r="AM2" s="343"/>
    </row>
    <row r="3" spans="1:42" ht="15.95" customHeight="1" x14ac:dyDescent="0.15">
      <c r="A3" s="452" t="s">
        <v>55</v>
      </c>
      <c r="B3" s="453"/>
      <c r="C3" s="453"/>
      <c r="D3" s="454"/>
      <c r="E3" s="437" t="s">
        <v>56</v>
      </c>
      <c r="F3" s="438"/>
      <c r="G3" s="438"/>
      <c r="H3" s="439"/>
      <c r="I3" s="458" t="s">
        <v>774</v>
      </c>
      <c r="J3" s="459"/>
      <c r="K3" s="459"/>
      <c r="L3" s="459"/>
      <c r="M3" s="459"/>
      <c r="N3" s="459"/>
      <c r="O3" s="459"/>
      <c r="P3" s="459"/>
      <c r="Q3" s="459"/>
      <c r="R3" s="459"/>
      <c r="S3" s="459"/>
      <c r="T3" s="459"/>
      <c r="U3" s="459"/>
      <c r="V3" s="459"/>
      <c r="W3" s="459"/>
      <c r="X3" s="459"/>
      <c r="Y3" s="459"/>
      <c r="Z3" s="459"/>
      <c r="AA3" s="459"/>
      <c r="AB3" s="459"/>
      <c r="AC3" s="459"/>
      <c r="AD3" s="459"/>
      <c r="AE3" s="459"/>
      <c r="AF3" s="459"/>
      <c r="AG3" s="459"/>
      <c r="AH3" s="452" t="s">
        <v>59</v>
      </c>
      <c r="AI3" s="453"/>
      <c r="AJ3" s="453"/>
      <c r="AK3" s="453"/>
      <c r="AL3" s="453"/>
      <c r="AM3" s="453"/>
      <c r="AN3" s="452" t="s">
        <v>60</v>
      </c>
      <c r="AO3" s="453"/>
      <c r="AP3" s="454"/>
    </row>
    <row r="4" spans="1:42" ht="15.95" customHeight="1" x14ac:dyDescent="0.15">
      <c r="A4" s="455"/>
      <c r="B4" s="456"/>
      <c r="C4" s="456"/>
      <c r="D4" s="457"/>
      <c r="E4" s="461" t="s">
        <v>61</v>
      </c>
      <c r="F4" s="462"/>
      <c r="G4" s="462"/>
      <c r="H4" s="463"/>
      <c r="I4" s="464" t="s">
        <v>61</v>
      </c>
      <c r="J4" s="465"/>
      <c r="K4" s="465"/>
      <c r="L4" s="466"/>
      <c r="M4" s="458" t="s">
        <v>60</v>
      </c>
      <c r="N4" s="459"/>
      <c r="O4" s="459"/>
      <c r="P4" s="459"/>
      <c r="Q4" s="459"/>
      <c r="R4" s="459"/>
      <c r="S4" s="459"/>
      <c r="T4" s="459"/>
      <c r="U4" s="459"/>
      <c r="V4" s="459"/>
      <c r="W4" s="459"/>
      <c r="X4" s="459"/>
      <c r="Y4" s="459"/>
      <c r="Z4" s="459"/>
      <c r="AA4" s="459"/>
      <c r="AB4" s="459"/>
      <c r="AC4" s="459"/>
      <c r="AD4" s="459"/>
      <c r="AE4" s="459"/>
      <c r="AF4" s="459"/>
      <c r="AG4" s="459"/>
      <c r="AH4" s="455"/>
      <c r="AI4" s="456"/>
      <c r="AJ4" s="456"/>
      <c r="AK4" s="456"/>
      <c r="AL4" s="456"/>
      <c r="AM4" s="456"/>
      <c r="AN4" s="455" t="s">
        <v>62</v>
      </c>
      <c r="AO4" s="456"/>
      <c r="AP4" s="457"/>
    </row>
    <row r="5" spans="1:42" ht="15.95" customHeight="1" x14ac:dyDescent="0.15">
      <c r="A5" s="234"/>
      <c r="B5" s="92"/>
      <c r="C5" s="92"/>
      <c r="D5" s="145"/>
      <c r="E5" s="596" t="s">
        <v>315</v>
      </c>
      <c r="F5" s="510"/>
      <c r="G5" s="510"/>
      <c r="H5" s="510"/>
      <c r="I5" s="510"/>
      <c r="J5" s="510"/>
      <c r="K5" s="510"/>
      <c r="L5" s="597"/>
      <c r="M5" s="151" t="s">
        <v>7</v>
      </c>
      <c r="N5" s="103" t="s">
        <v>316</v>
      </c>
      <c r="O5" s="92"/>
      <c r="P5" s="145"/>
      <c r="R5" s="103"/>
      <c r="S5" s="103" t="s">
        <v>25</v>
      </c>
      <c r="T5" s="151" t="s">
        <v>7</v>
      </c>
      <c r="U5" s="103" t="s">
        <v>317</v>
      </c>
      <c r="V5" s="103"/>
      <c r="W5" s="103"/>
      <c r="X5" s="151" t="s">
        <v>54</v>
      </c>
      <c r="Y5" s="103" t="s">
        <v>318</v>
      </c>
      <c r="Z5" s="103"/>
      <c r="AA5" s="91" t="s">
        <v>26</v>
      </c>
      <c r="AC5" s="102"/>
      <c r="AD5" s="103"/>
      <c r="AE5" s="103"/>
      <c r="AH5" s="146" t="s">
        <v>7</v>
      </c>
      <c r="AI5" s="92"/>
      <c r="AJ5" s="92"/>
      <c r="AK5" s="92"/>
      <c r="AL5" s="124"/>
      <c r="AM5" s="124"/>
      <c r="AN5" s="148"/>
      <c r="AO5" s="92"/>
      <c r="AP5" s="145"/>
    </row>
    <row r="6" spans="1:42" ht="15.95" customHeight="1" x14ac:dyDescent="0.15">
      <c r="A6" s="449" t="s">
        <v>319</v>
      </c>
      <c r="B6" s="450"/>
      <c r="C6" s="450"/>
      <c r="D6" s="451"/>
      <c r="E6" s="596"/>
      <c r="F6" s="510"/>
      <c r="G6" s="510"/>
      <c r="H6" s="510"/>
      <c r="I6" s="510"/>
      <c r="J6" s="510"/>
      <c r="K6" s="510"/>
      <c r="L6" s="597"/>
      <c r="N6" s="151" t="s">
        <v>7</v>
      </c>
      <c r="O6" s="103" t="s">
        <v>320</v>
      </c>
      <c r="P6" s="92"/>
      <c r="Q6" s="145"/>
      <c r="T6" s="103"/>
      <c r="U6" s="103"/>
      <c r="V6" s="103"/>
      <c r="W6" s="103"/>
      <c r="X6" s="103"/>
      <c r="Y6" s="103"/>
      <c r="Z6" s="103"/>
      <c r="AA6" s="103"/>
      <c r="AB6" s="103"/>
      <c r="AC6" s="102"/>
      <c r="AD6" s="103"/>
      <c r="AE6" s="103"/>
      <c r="AH6" s="121"/>
      <c r="AI6" s="124"/>
      <c r="AJ6" s="92"/>
      <c r="AK6" s="92"/>
      <c r="AL6" s="124"/>
      <c r="AM6" s="124"/>
      <c r="AN6" s="148"/>
      <c r="AO6" s="92"/>
      <c r="AP6" s="145"/>
    </row>
    <row r="7" spans="1:42" ht="15.95" customHeight="1" x14ac:dyDescent="0.15">
      <c r="A7" s="449" t="s">
        <v>321</v>
      </c>
      <c r="B7" s="450"/>
      <c r="C7" s="450"/>
      <c r="D7" s="451"/>
      <c r="E7" s="596"/>
      <c r="F7" s="510"/>
      <c r="G7" s="510"/>
      <c r="H7" s="510"/>
      <c r="I7" s="510"/>
      <c r="J7" s="510"/>
      <c r="K7" s="510"/>
      <c r="L7" s="597"/>
      <c r="N7" s="151" t="s">
        <v>54</v>
      </c>
      <c r="O7" s="103" t="s">
        <v>322</v>
      </c>
      <c r="P7" s="92"/>
      <c r="Q7" s="145"/>
      <c r="T7" s="103"/>
      <c r="U7" s="103"/>
      <c r="V7" s="103"/>
      <c r="W7" s="103"/>
      <c r="X7" s="103"/>
      <c r="Y7" s="103"/>
      <c r="Z7" s="103"/>
      <c r="AA7" s="103"/>
      <c r="AB7" s="103"/>
      <c r="AC7" s="102"/>
      <c r="AD7" s="103"/>
      <c r="AE7" s="103"/>
      <c r="AH7" s="121"/>
      <c r="AI7" s="124"/>
      <c r="AJ7" s="92"/>
      <c r="AK7" s="92"/>
      <c r="AL7" s="124"/>
      <c r="AM7" s="124"/>
      <c r="AN7" s="148"/>
      <c r="AO7" s="92"/>
      <c r="AP7" s="145"/>
    </row>
    <row r="8" spans="1:42" ht="15.95" customHeight="1" x14ac:dyDescent="0.15">
      <c r="A8" s="162"/>
      <c r="B8" s="153"/>
      <c r="C8" s="153"/>
      <c r="D8" s="154"/>
      <c r="E8" s="596"/>
      <c r="F8" s="510"/>
      <c r="G8" s="510"/>
      <c r="H8" s="510"/>
      <c r="I8" s="510"/>
      <c r="J8" s="510"/>
      <c r="K8" s="510"/>
      <c r="L8" s="597"/>
      <c r="M8" s="151" t="s">
        <v>54</v>
      </c>
      <c r="N8" s="103" t="s">
        <v>323</v>
      </c>
      <c r="O8" s="92"/>
      <c r="P8" s="145"/>
      <c r="R8" s="103"/>
      <c r="S8" s="103"/>
      <c r="T8" s="103"/>
      <c r="U8" s="103"/>
      <c r="V8" s="103"/>
      <c r="W8" s="103"/>
      <c r="X8" s="103"/>
      <c r="Y8" s="103"/>
      <c r="Z8" s="103"/>
      <c r="AA8" s="103"/>
      <c r="AB8" s="103"/>
      <c r="AC8" s="102"/>
      <c r="AD8" s="103"/>
      <c r="AE8" s="103"/>
      <c r="AH8" s="148"/>
      <c r="AI8" s="92"/>
      <c r="AJ8" s="92"/>
      <c r="AK8" s="92" t="s">
        <v>324</v>
      </c>
      <c r="AL8" s="124"/>
      <c r="AM8" s="124"/>
      <c r="AN8" s="148"/>
      <c r="AO8" s="92"/>
      <c r="AP8" s="145"/>
    </row>
    <row r="9" spans="1:42" ht="15.95" customHeight="1" x14ac:dyDescent="0.15">
      <c r="A9" s="146" t="s">
        <v>7</v>
      </c>
      <c r="B9" s="598" t="s">
        <v>668</v>
      </c>
      <c r="C9" s="598"/>
      <c r="D9" s="599"/>
      <c r="E9" s="596"/>
      <c r="F9" s="510"/>
      <c r="G9" s="510"/>
      <c r="H9" s="510"/>
      <c r="I9" s="510"/>
      <c r="J9" s="510"/>
      <c r="K9" s="510"/>
      <c r="L9" s="597"/>
      <c r="M9" s="149"/>
      <c r="N9" s="151" t="s">
        <v>54</v>
      </c>
      <c r="O9" s="103" t="s">
        <v>882</v>
      </c>
      <c r="P9" s="92"/>
      <c r="Q9" s="145"/>
      <c r="T9" s="103"/>
      <c r="U9" s="103"/>
      <c r="V9" s="103"/>
      <c r="W9" s="103"/>
      <c r="X9" s="103"/>
      <c r="Y9" s="103"/>
      <c r="Z9" s="103"/>
      <c r="AA9" s="103"/>
      <c r="AB9" s="103"/>
      <c r="AC9" s="102"/>
      <c r="AD9" s="103"/>
      <c r="AE9" s="103"/>
      <c r="AH9" s="155"/>
      <c r="AI9" s="156"/>
      <c r="AJ9" s="92"/>
      <c r="AK9" s="92"/>
      <c r="AL9" s="124"/>
      <c r="AM9" s="124"/>
      <c r="AN9" s="148"/>
      <c r="AO9" s="92"/>
      <c r="AP9" s="145"/>
    </row>
    <row r="10" spans="1:42" ht="15.95" customHeight="1" x14ac:dyDescent="0.15">
      <c r="A10" s="149"/>
      <c r="B10" s="598"/>
      <c r="C10" s="598"/>
      <c r="D10" s="599"/>
      <c r="E10" s="596"/>
      <c r="F10" s="510"/>
      <c r="G10" s="510"/>
      <c r="H10" s="510"/>
      <c r="I10" s="510"/>
      <c r="J10" s="510"/>
      <c r="K10" s="510"/>
      <c r="L10" s="597"/>
      <c r="M10" s="149"/>
      <c r="N10" s="151" t="s">
        <v>54</v>
      </c>
      <c r="O10" s="103" t="s">
        <v>322</v>
      </c>
      <c r="P10" s="92"/>
      <c r="Q10" s="145"/>
      <c r="T10" s="103"/>
      <c r="U10" s="103"/>
      <c r="V10" s="103"/>
      <c r="W10" s="103"/>
      <c r="X10" s="103"/>
      <c r="Y10" s="103"/>
      <c r="Z10" s="103"/>
      <c r="AA10" s="103"/>
      <c r="AB10" s="103"/>
      <c r="AC10" s="102"/>
      <c r="AD10" s="103"/>
      <c r="AE10" s="103"/>
      <c r="AH10" s="148"/>
      <c r="AI10" s="92"/>
      <c r="AJ10" s="92"/>
      <c r="AK10" s="92"/>
      <c r="AL10" s="92"/>
      <c r="AM10" s="92"/>
      <c r="AN10" s="148"/>
      <c r="AO10" s="92"/>
      <c r="AP10" s="145"/>
    </row>
    <row r="11" spans="1:42" ht="15.95" customHeight="1" x14ac:dyDescent="0.15">
      <c r="A11" s="162"/>
      <c r="B11" s="598"/>
      <c r="C11" s="598"/>
      <c r="D11" s="599"/>
      <c r="E11" s="600" t="s">
        <v>325</v>
      </c>
      <c r="F11" s="601"/>
      <c r="G11" s="601"/>
      <c r="H11" s="602"/>
      <c r="I11" s="437" t="s">
        <v>326</v>
      </c>
      <c r="J11" s="438"/>
      <c r="K11" s="438"/>
      <c r="L11" s="439"/>
      <c r="M11" s="138" t="s">
        <v>54</v>
      </c>
      <c r="N11" s="208" t="s">
        <v>327</v>
      </c>
      <c r="O11" s="208"/>
      <c r="P11" s="98"/>
      <c r="Q11" s="98"/>
      <c r="R11" s="114"/>
      <c r="S11" s="140" t="s">
        <v>54</v>
      </c>
      <c r="T11" s="208" t="s">
        <v>328</v>
      </c>
      <c r="U11" s="208"/>
      <c r="V11" s="98"/>
      <c r="W11" s="208"/>
      <c r="X11" s="208"/>
      <c r="Y11" s="140" t="s">
        <v>54</v>
      </c>
      <c r="Z11" s="208" t="s">
        <v>329</v>
      </c>
      <c r="AA11" s="208"/>
      <c r="AB11" s="98"/>
      <c r="AC11" s="206"/>
      <c r="AD11" s="208"/>
      <c r="AE11" s="208"/>
      <c r="AF11" s="208"/>
      <c r="AG11" s="262"/>
      <c r="AH11" s="138" t="s">
        <v>7</v>
      </c>
      <c r="AI11" s="98"/>
      <c r="AJ11" s="98"/>
      <c r="AK11" s="98"/>
      <c r="AL11" s="206"/>
      <c r="AM11" s="98"/>
      <c r="AN11" s="141"/>
      <c r="AO11" s="98"/>
      <c r="AP11" s="142"/>
    </row>
    <row r="12" spans="1:42" ht="15.95" customHeight="1" x14ac:dyDescent="0.15">
      <c r="A12" s="162"/>
      <c r="B12" s="153"/>
      <c r="C12" s="153"/>
      <c r="D12" s="154"/>
      <c r="E12" s="537"/>
      <c r="F12" s="538"/>
      <c r="G12" s="538"/>
      <c r="H12" s="539"/>
      <c r="I12" s="449"/>
      <c r="J12" s="450"/>
      <c r="K12" s="450"/>
      <c r="L12" s="451"/>
      <c r="M12" s="151" t="s">
        <v>54</v>
      </c>
      <c r="N12" s="103" t="s">
        <v>330</v>
      </c>
      <c r="O12" s="103"/>
      <c r="P12" s="92"/>
      <c r="Q12" s="92"/>
      <c r="S12" s="151" t="s">
        <v>54</v>
      </c>
      <c r="T12" s="103" t="s">
        <v>331</v>
      </c>
      <c r="U12" s="103"/>
      <c r="V12" s="92"/>
      <c r="W12" s="103"/>
      <c r="X12" s="103"/>
      <c r="Y12" s="151" t="s">
        <v>7</v>
      </c>
      <c r="Z12" s="103" t="s">
        <v>332</v>
      </c>
      <c r="AA12" s="103"/>
      <c r="AB12" s="103"/>
      <c r="AC12" s="102"/>
      <c r="AD12" s="103"/>
      <c r="AE12" s="103"/>
      <c r="AF12" s="103"/>
      <c r="AG12" s="251"/>
      <c r="AH12" s="124"/>
      <c r="AI12" s="92"/>
      <c r="AJ12" s="92"/>
      <c r="AK12" s="92"/>
      <c r="AL12" s="103"/>
      <c r="AM12" s="92"/>
      <c r="AN12" s="148"/>
      <c r="AO12" s="92"/>
      <c r="AP12" s="145"/>
    </row>
    <row r="13" spans="1:42" ht="15.95" customHeight="1" x14ac:dyDescent="0.15">
      <c r="A13" s="162"/>
      <c r="B13" s="153"/>
      <c r="C13" s="153"/>
      <c r="D13" s="154"/>
      <c r="E13" s="537"/>
      <c r="F13" s="538"/>
      <c r="G13" s="538"/>
      <c r="H13" s="539"/>
      <c r="I13" s="461"/>
      <c r="J13" s="462"/>
      <c r="K13" s="462"/>
      <c r="L13" s="463"/>
      <c r="M13" s="167" t="s">
        <v>54</v>
      </c>
      <c r="N13" s="97" t="s">
        <v>333</v>
      </c>
      <c r="O13" s="97"/>
      <c r="P13" s="105"/>
      <c r="Q13" s="105"/>
      <c r="R13" s="116"/>
      <c r="S13" s="151" t="s">
        <v>54</v>
      </c>
      <c r="T13" s="97" t="s">
        <v>334</v>
      </c>
      <c r="U13" s="97"/>
      <c r="V13" s="105"/>
      <c r="W13" s="97"/>
      <c r="X13" s="97"/>
      <c r="Y13" s="116"/>
      <c r="Z13" s="97"/>
      <c r="AA13" s="97"/>
      <c r="AB13" s="97"/>
      <c r="AC13" s="96"/>
      <c r="AD13" s="97"/>
      <c r="AE13" s="97"/>
      <c r="AF13" s="97"/>
      <c r="AG13" s="191"/>
      <c r="AH13" s="219"/>
      <c r="AI13" s="116"/>
      <c r="AJ13" s="116"/>
      <c r="AK13" s="105"/>
      <c r="AL13" s="118"/>
      <c r="AM13" s="118"/>
      <c r="AN13" s="169"/>
      <c r="AO13" s="105"/>
      <c r="AP13" s="170"/>
    </row>
    <row r="14" spans="1:42" ht="15.95" customHeight="1" x14ac:dyDescent="0.15">
      <c r="A14" s="162"/>
      <c r="B14" s="153"/>
      <c r="C14" s="153"/>
      <c r="D14" s="154"/>
      <c r="E14" s="537"/>
      <c r="F14" s="538"/>
      <c r="G14" s="538"/>
      <c r="H14" s="539"/>
      <c r="I14" s="600" t="s">
        <v>335</v>
      </c>
      <c r="J14" s="601"/>
      <c r="K14" s="601"/>
      <c r="L14" s="602"/>
      <c r="M14" s="141" t="s">
        <v>336</v>
      </c>
      <c r="N14" s="208"/>
      <c r="O14" s="98" t="s">
        <v>25</v>
      </c>
      <c r="P14" s="453"/>
      <c r="Q14" s="453"/>
      <c r="R14" s="453"/>
      <c r="S14" s="453"/>
      <c r="T14" s="453"/>
      <c r="U14" s="453"/>
      <c r="V14" s="453"/>
      <c r="W14" s="453"/>
      <c r="X14" s="453"/>
      <c r="Y14" s="453"/>
      <c r="Z14" s="453"/>
      <c r="AA14" s="453"/>
      <c r="AB14" s="453"/>
      <c r="AC14" s="453"/>
      <c r="AD14" s="114" t="s">
        <v>26</v>
      </c>
      <c r="AE14" s="114"/>
      <c r="AF14" s="114"/>
      <c r="AG14" s="99"/>
      <c r="AH14" s="151" t="s">
        <v>7</v>
      </c>
      <c r="AI14" s="92" t="s">
        <v>69</v>
      </c>
      <c r="AJ14" s="92"/>
      <c r="AK14" s="92"/>
      <c r="AL14" s="151"/>
      <c r="AM14" s="156"/>
      <c r="AN14" s="148"/>
      <c r="AO14" s="92"/>
      <c r="AP14" s="145"/>
    </row>
    <row r="15" spans="1:42" ht="15.95" customHeight="1" x14ac:dyDescent="0.15">
      <c r="A15" s="162"/>
      <c r="B15" s="153"/>
      <c r="C15" s="153"/>
      <c r="D15" s="154"/>
      <c r="E15" s="537"/>
      <c r="F15" s="538"/>
      <c r="G15" s="538"/>
      <c r="H15" s="539"/>
      <c r="I15" s="537"/>
      <c r="J15" s="538"/>
      <c r="K15" s="538"/>
      <c r="L15" s="539"/>
      <c r="M15" s="264"/>
      <c r="N15" s="128"/>
      <c r="O15" s="129" t="s">
        <v>25</v>
      </c>
      <c r="P15" s="160"/>
      <c r="Q15" s="160"/>
      <c r="R15" s="130"/>
      <c r="S15" s="160" t="s">
        <v>337</v>
      </c>
      <c r="T15" s="130"/>
      <c r="U15" s="129"/>
      <c r="V15" s="128" t="s">
        <v>338</v>
      </c>
      <c r="W15" s="128"/>
      <c r="X15" s="129"/>
      <c r="Y15" s="128"/>
      <c r="Z15" s="128"/>
      <c r="AA15" s="130"/>
      <c r="AB15" s="128"/>
      <c r="AC15" s="160"/>
      <c r="AD15" s="160" t="s">
        <v>339</v>
      </c>
      <c r="AE15" s="128"/>
      <c r="AF15" s="130"/>
      <c r="AG15" s="193"/>
      <c r="AH15" s="151" t="s">
        <v>7</v>
      </c>
      <c r="AI15" s="92" t="s">
        <v>122</v>
      </c>
      <c r="AJ15" s="92"/>
      <c r="AK15" s="92"/>
      <c r="AL15" s="151"/>
      <c r="AM15" s="92"/>
      <c r="AN15" s="148"/>
      <c r="AO15" s="92"/>
      <c r="AP15" s="145"/>
    </row>
    <row r="16" spans="1:42" ht="15.95" customHeight="1" x14ac:dyDescent="0.15">
      <c r="A16" s="162"/>
      <c r="B16" s="153"/>
      <c r="C16" s="153"/>
      <c r="D16" s="154"/>
      <c r="E16" s="537"/>
      <c r="F16" s="538"/>
      <c r="G16" s="538"/>
      <c r="H16" s="539"/>
      <c r="I16" s="537"/>
      <c r="J16" s="538"/>
      <c r="K16" s="538"/>
      <c r="L16" s="539"/>
      <c r="M16" s="265" t="s">
        <v>340</v>
      </c>
      <c r="N16" s="125"/>
      <c r="O16" s="122" t="s">
        <v>25</v>
      </c>
      <c r="P16" s="607"/>
      <c r="Q16" s="607"/>
      <c r="R16" s="607"/>
      <c r="S16" s="607"/>
      <c r="T16" s="607"/>
      <c r="U16" s="607"/>
      <c r="V16" s="607"/>
      <c r="W16" s="607"/>
      <c r="X16" s="607"/>
      <c r="Y16" s="607"/>
      <c r="Z16" s="607"/>
      <c r="AA16" s="607"/>
      <c r="AB16" s="607"/>
      <c r="AC16" s="607"/>
      <c r="AD16" s="123" t="s">
        <v>26</v>
      </c>
      <c r="AE16" s="125"/>
      <c r="AG16" s="104"/>
      <c r="AH16" s="151" t="s">
        <v>7</v>
      </c>
      <c r="AI16" s="92"/>
      <c r="AJ16" s="92"/>
      <c r="AK16" s="92"/>
      <c r="AL16" s="92"/>
      <c r="AM16" s="92"/>
      <c r="AN16" s="148"/>
      <c r="AO16" s="92"/>
      <c r="AP16" s="145"/>
    </row>
    <row r="17" spans="1:42" ht="15.95" customHeight="1" x14ac:dyDescent="0.15">
      <c r="A17" s="162"/>
      <c r="B17" s="153"/>
      <c r="C17" s="153"/>
      <c r="D17" s="154"/>
      <c r="E17" s="537"/>
      <c r="F17" s="538"/>
      <c r="G17" s="538"/>
      <c r="H17" s="539"/>
      <c r="I17" s="537"/>
      <c r="J17" s="538"/>
      <c r="K17" s="538"/>
      <c r="L17" s="539"/>
      <c r="M17" s="264"/>
      <c r="N17" s="128"/>
      <c r="O17" s="129" t="s">
        <v>25</v>
      </c>
      <c r="P17" s="432"/>
      <c r="Q17" s="432"/>
      <c r="R17" s="432"/>
      <c r="S17" s="160" t="s">
        <v>337</v>
      </c>
      <c r="T17" s="130"/>
      <c r="U17" s="129"/>
      <c r="V17" s="128" t="s">
        <v>338</v>
      </c>
      <c r="W17" s="128"/>
      <c r="X17" s="129"/>
      <c r="Y17" s="128"/>
      <c r="Z17" s="128"/>
      <c r="AA17" s="432"/>
      <c r="AB17" s="432"/>
      <c r="AC17" s="160"/>
      <c r="AD17" s="160" t="s">
        <v>339</v>
      </c>
      <c r="AE17" s="128"/>
      <c r="AF17" s="130"/>
      <c r="AG17" s="193"/>
      <c r="AH17" s="124"/>
      <c r="AI17" s="92"/>
      <c r="AJ17" s="92"/>
      <c r="AK17" s="92"/>
      <c r="AL17" s="92"/>
      <c r="AM17" s="92"/>
      <c r="AN17" s="148"/>
      <c r="AO17" s="92"/>
      <c r="AP17" s="145"/>
    </row>
    <row r="18" spans="1:42" ht="15.95" customHeight="1" x14ac:dyDescent="0.15">
      <c r="A18" s="162"/>
      <c r="B18" s="153"/>
      <c r="C18" s="153"/>
      <c r="D18" s="154"/>
      <c r="E18" s="537"/>
      <c r="F18" s="538"/>
      <c r="G18" s="538"/>
      <c r="H18" s="539"/>
      <c r="I18" s="537"/>
      <c r="J18" s="538"/>
      <c r="K18" s="538"/>
      <c r="L18" s="539"/>
      <c r="M18" s="265" t="s">
        <v>341</v>
      </c>
      <c r="N18" s="125"/>
      <c r="O18" s="122" t="s">
        <v>25</v>
      </c>
      <c r="P18" s="607"/>
      <c r="Q18" s="607"/>
      <c r="R18" s="607"/>
      <c r="S18" s="607"/>
      <c r="T18" s="607"/>
      <c r="U18" s="607"/>
      <c r="V18" s="607"/>
      <c r="W18" s="607"/>
      <c r="X18" s="607"/>
      <c r="Y18" s="607"/>
      <c r="Z18" s="607"/>
      <c r="AA18" s="607"/>
      <c r="AB18" s="607"/>
      <c r="AC18" s="607"/>
      <c r="AD18" s="123" t="s">
        <v>26</v>
      </c>
      <c r="AE18" s="125"/>
      <c r="AG18" s="104"/>
      <c r="AH18" s="124"/>
      <c r="AI18" s="124"/>
      <c r="AJ18" s="124"/>
      <c r="AK18" s="124"/>
      <c r="AL18" s="151"/>
      <c r="AM18" s="103"/>
      <c r="AN18" s="148"/>
      <c r="AO18" s="92"/>
      <c r="AP18" s="145"/>
    </row>
    <row r="19" spans="1:42" ht="15.95" customHeight="1" x14ac:dyDescent="0.15">
      <c r="A19" s="162"/>
      <c r="B19" s="153"/>
      <c r="C19" s="153"/>
      <c r="D19" s="154"/>
      <c r="E19" s="537"/>
      <c r="F19" s="538"/>
      <c r="G19" s="538"/>
      <c r="H19" s="539"/>
      <c r="I19" s="537"/>
      <c r="J19" s="538"/>
      <c r="K19" s="538"/>
      <c r="L19" s="539"/>
      <c r="M19" s="264"/>
      <c r="N19" s="128"/>
      <c r="O19" s="129" t="s">
        <v>25</v>
      </c>
      <c r="P19" s="432"/>
      <c r="Q19" s="432"/>
      <c r="R19" s="432"/>
      <c r="S19" s="160" t="s">
        <v>337</v>
      </c>
      <c r="T19" s="130"/>
      <c r="U19" s="129"/>
      <c r="V19" s="128" t="s">
        <v>338</v>
      </c>
      <c r="W19" s="128"/>
      <c r="X19" s="129"/>
      <c r="Y19" s="128"/>
      <c r="Z19" s="128"/>
      <c r="AA19" s="432"/>
      <c r="AB19" s="432"/>
      <c r="AC19" s="160"/>
      <c r="AD19" s="160" t="s">
        <v>339</v>
      </c>
      <c r="AE19" s="128"/>
      <c r="AF19" s="130"/>
      <c r="AG19" s="193"/>
      <c r="AH19" s="124"/>
      <c r="AI19" s="124"/>
      <c r="AJ19" s="124"/>
      <c r="AK19" s="124"/>
      <c r="AL19" s="124"/>
      <c r="AM19" s="124"/>
      <c r="AN19" s="148"/>
      <c r="AO19" s="92"/>
      <c r="AP19" s="145"/>
    </row>
    <row r="20" spans="1:42" ht="15.95" customHeight="1" x14ac:dyDescent="0.15">
      <c r="A20" s="162"/>
      <c r="B20" s="153"/>
      <c r="C20" s="153"/>
      <c r="D20" s="154"/>
      <c r="E20" s="537"/>
      <c r="F20" s="538"/>
      <c r="G20" s="538"/>
      <c r="H20" s="539"/>
      <c r="I20" s="537"/>
      <c r="J20" s="538"/>
      <c r="K20" s="538"/>
      <c r="L20" s="539"/>
      <c r="M20" s="148" t="s">
        <v>342</v>
      </c>
      <c r="N20" s="103"/>
      <c r="O20" s="92" t="s">
        <v>343</v>
      </c>
      <c r="P20" s="92"/>
      <c r="Q20" s="92"/>
      <c r="R20" s="92"/>
      <c r="S20" s="92"/>
      <c r="T20" s="91" t="s">
        <v>144</v>
      </c>
      <c r="U20" s="467"/>
      <c r="V20" s="467"/>
      <c r="W20" s="467"/>
      <c r="X20" s="467"/>
      <c r="Y20" s="467"/>
      <c r="Z20" s="467"/>
      <c r="AA20" s="467"/>
      <c r="AB20" s="467"/>
      <c r="AC20" s="467"/>
      <c r="AD20" s="103" t="s">
        <v>26</v>
      </c>
      <c r="AE20" s="103"/>
      <c r="AG20" s="104"/>
      <c r="AH20" s="124"/>
      <c r="AI20" s="124"/>
      <c r="AJ20" s="124"/>
      <c r="AK20" s="124"/>
      <c r="AL20" s="124"/>
      <c r="AM20" s="124"/>
      <c r="AN20" s="148"/>
      <c r="AO20" s="92"/>
      <c r="AP20" s="145"/>
    </row>
    <row r="21" spans="1:42" ht="15.95" customHeight="1" x14ac:dyDescent="0.15">
      <c r="A21" s="162"/>
      <c r="B21" s="153"/>
      <c r="C21" s="153"/>
      <c r="D21" s="154"/>
      <c r="E21" s="537"/>
      <c r="F21" s="538"/>
      <c r="G21" s="538"/>
      <c r="H21" s="539"/>
      <c r="I21" s="537"/>
      <c r="J21" s="538"/>
      <c r="K21" s="538"/>
      <c r="L21" s="539"/>
      <c r="M21" s="148"/>
      <c r="N21" s="103"/>
      <c r="O21" s="92" t="s">
        <v>25</v>
      </c>
      <c r="P21" s="431"/>
      <c r="Q21" s="431"/>
      <c r="R21" s="431"/>
      <c r="S21" s="102" t="s">
        <v>337</v>
      </c>
      <c r="U21" s="92"/>
      <c r="V21" s="103" t="s">
        <v>338</v>
      </c>
      <c r="W21" s="103"/>
      <c r="X21" s="92"/>
      <c r="Y21" s="103"/>
      <c r="Z21" s="103"/>
      <c r="AB21" s="103"/>
      <c r="AC21" s="102"/>
      <c r="AD21" s="102" t="s">
        <v>339</v>
      </c>
      <c r="AE21" s="103"/>
      <c r="AG21" s="104"/>
      <c r="AH21" s="124"/>
      <c r="AI21" s="124"/>
      <c r="AJ21" s="124"/>
      <c r="AK21" s="124"/>
      <c r="AL21" s="124"/>
      <c r="AM21" s="124"/>
      <c r="AN21" s="148"/>
      <c r="AO21" s="92"/>
      <c r="AP21" s="145"/>
    </row>
    <row r="22" spans="1:42" ht="15.95" customHeight="1" x14ac:dyDescent="0.15">
      <c r="A22" s="162"/>
      <c r="B22" s="153"/>
      <c r="C22" s="153"/>
      <c r="D22" s="154"/>
      <c r="E22" s="537"/>
      <c r="F22" s="538"/>
      <c r="G22" s="538"/>
      <c r="H22" s="539"/>
      <c r="I22" s="537"/>
      <c r="J22" s="538"/>
      <c r="K22" s="538"/>
      <c r="L22" s="539"/>
      <c r="M22" s="148"/>
      <c r="N22" s="103"/>
      <c r="O22" s="103" t="s">
        <v>344</v>
      </c>
      <c r="P22" s="92"/>
      <c r="Q22" s="92"/>
      <c r="R22" s="92"/>
      <c r="T22" s="91" t="s">
        <v>144</v>
      </c>
      <c r="U22" s="606"/>
      <c r="V22" s="606"/>
      <c r="W22" s="606"/>
      <c r="X22" s="606"/>
      <c r="Y22" s="606"/>
      <c r="Z22" s="606"/>
      <c r="AA22" s="606"/>
      <c r="AB22" s="606"/>
      <c r="AC22" s="606"/>
      <c r="AD22" s="103" t="s">
        <v>26</v>
      </c>
      <c r="AE22" s="103"/>
      <c r="AG22" s="104"/>
      <c r="AH22" s="124"/>
      <c r="AI22" s="124"/>
      <c r="AJ22" s="124"/>
      <c r="AK22" s="124"/>
      <c r="AL22" s="124"/>
      <c r="AM22" s="124"/>
      <c r="AN22" s="148"/>
      <c r="AO22" s="92"/>
      <c r="AP22" s="145"/>
    </row>
    <row r="23" spans="1:42" ht="15.95" customHeight="1" x14ac:dyDescent="0.15">
      <c r="A23" s="162"/>
      <c r="B23" s="153"/>
      <c r="C23" s="153"/>
      <c r="D23" s="154"/>
      <c r="E23" s="537"/>
      <c r="F23" s="538"/>
      <c r="G23" s="538"/>
      <c r="H23" s="539"/>
      <c r="I23" s="537"/>
      <c r="J23" s="538"/>
      <c r="K23" s="538"/>
      <c r="L23" s="539"/>
      <c r="M23" s="264"/>
      <c r="N23" s="128"/>
      <c r="O23" s="129" t="s">
        <v>25</v>
      </c>
      <c r="P23" s="432"/>
      <c r="Q23" s="432"/>
      <c r="R23" s="432"/>
      <c r="S23" s="160" t="s">
        <v>337</v>
      </c>
      <c r="T23" s="130"/>
      <c r="U23" s="129"/>
      <c r="V23" s="128" t="s">
        <v>338</v>
      </c>
      <c r="W23" s="128"/>
      <c r="X23" s="129"/>
      <c r="Y23" s="128"/>
      <c r="Z23" s="128"/>
      <c r="AA23" s="432"/>
      <c r="AB23" s="432"/>
      <c r="AC23" s="160"/>
      <c r="AD23" s="160" t="s">
        <v>339</v>
      </c>
      <c r="AE23" s="128"/>
      <c r="AF23" s="130"/>
      <c r="AG23" s="193"/>
      <c r="AH23" s="124"/>
      <c r="AI23" s="124"/>
      <c r="AJ23" s="124"/>
      <c r="AK23" s="124"/>
      <c r="AL23" s="124"/>
      <c r="AM23" s="124"/>
      <c r="AN23" s="148"/>
      <c r="AO23" s="92"/>
      <c r="AP23" s="145"/>
    </row>
    <row r="24" spans="1:42" ht="15.95" customHeight="1" x14ac:dyDescent="0.15">
      <c r="A24" s="162"/>
      <c r="B24" s="153"/>
      <c r="C24" s="153"/>
      <c r="D24" s="154"/>
      <c r="E24" s="537"/>
      <c r="F24" s="538"/>
      <c r="G24" s="538"/>
      <c r="H24" s="539"/>
      <c r="I24" s="537"/>
      <c r="J24" s="538"/>
      <c r="K24" s="538"/>
      <c r="L24" s="539"/>
      <c r="M24" s="148" t="s">
        <v>345</v>
      </c>
      <c r="N24" s="103"/>
      <c r="O24" s="103"/>
      <c r="P24" s="92"/>
      <c r="Q24" s="92"/>
      <c r="R24" s="92" t="s">
        <v>343</v>
      </c>
      <c r="S24" s="92"/>
      <c r="T24" s="92"/>
      <c r="U24" s="92"/>
      <c r="V24" s="92"/>
      <c r="W24" s="92" t="s">
        <v>25</v>
      </c>
      <c r="X24" s="92"/>
      <c r="Y24" s="92"/>
      <c r="Z24" s="92"/>
      <c r="AA24" s="92"/>
      <c r="AB24" s="92"/>
      <c r="AC24" s="92"/>
      <c r="AD24" s="103" t="s">
        <v>26</v>
      </c>
      <c r="AE24" s="103"/>
      <c r="AG24" s="104"/>
      <c r="AH24" s="124"/>
      <c r="AI24" s="124"/>
      <c r="AJ24" s="124"/>
      <c r="AK24" s="124"/>
      <c r="AL24" s="124"/>
      <c r="AM24" s="124"/>
      <c r="AN24" s="148"/>
      <c r="AO24" s="92"/>
      <c r="AP24" s="145"/>
    </row>
    <row r="25" spans="1:42" ht="15.95" customHeight="1" x14ac:dyDescent="0.15">
      <c r="A25" s="162"/>
      <c r="B25" s="153"/>
      <c r="C25" s="153"/>
      <c r="D25" s="154"/>
      <c r="E25" s="537"/>
      <c r="F25" s="538"/>
      <c r="G25" s="538"/>
      <c r="H25" s="539"/>
      <c r="I25" s="537"/>
      <c r="J25" s="538"/>
      <c r="K25" s="538"/>
      <c r="L25" s="539"/>
      <c r="M25" s="148"/>
      <c r="N25" s="103"/>
      <c r="O25" s="92" t="s">
        <v>25</v>
      </c>
      <c r="P25" s="431"/>
      <c r="Q25" s="431"/>
      <c r="R25" s="431"/>
      <c r="S25" s="102" t="s">
        <v>337</v>
      </c>
      <c r="U25" s="92"/>
      <c r="V25" s="103" t="s">
        <v>338</v>
      </c>
      <c r="W25" s="103"/>
      <c r="X25" s="92"/>
      <c r="Y25" s="103"/>
      <c r="Z25" s="103"/>
      <c r="AA25" s="479"/>
      <c r="AB25" s="479"/>
      <c r="AC25" s="102"/>
      <c r="AD25" s="102" t="s">
        <v>339</v>
      </c>
      <c r="AE25" s="103"/>
      <c r="AG25" s="104"/>
      <c r="AH25" s="124"/>
      <c r="AI25" s="124"/>
      <c r="AJ25" s="124"/>
      <c r="AK25" s="124"/>
      <c r="AL25" s="124"/>
      <c r="AM25" s="124"/>
      <c r="AN25" s="148"/>
      <c r="AO25" s="92"/>
      <c r="AP25" s="145"/>
    </row>
    <row r="26" spans="1:42" ht="15.95" customHeight="1" x14ac:dyDescent="0.15">
      <c r="A26" s="162"/>
      <c r="B26" s="153"/>
      <c r="C26" s="153"/>
      <c r="D26" s="154"/>
      <c r="E26" s="537"/>
      <c r="F26" s="538"/>
      <c r="G26" s="538"/>
      <c r="H26" s="539"/>
      <c r="I26" s="537"/>
      <c r="J26" s="538"/>
      <c r="K26" s="538"/>
      <c r="L26" s="539"/>
      <c r="M26" s="148"/>
      <c r="N26" s="103"/>
      <c r="O26" s="103"/>
      <c r="P26" s="92"/>
      <c r="Q26" s="92"/>
      <c r="R26" s="103" t="s">
        <v>344</v>
      </c>
      <c r="S26" s="92"/>
      <c r="T26" s="92"/>
      <c r="U26" s="92"/>
      <c r="V26" s="175"/>
      <c r="W26" s="92" t="s">
        <v>144</v>
      </c>
      <c r="X26" s="92"/>
      <c r="Y26" s="92"/>
      <c r="Z26" s="92"/>
      <c r="AA26" s="92"/>
      <c r="AB26" s="92"/>
      <c r="AC26" s="92"/>
      <c r="AD26" s="103" t="s">
        <v>26</v>
      </c>
      <c r="AE26" s="103"/>
      <c r="AG26" s="104"/>
      <c r="AH26" s="124"/>
      <c r="AI26" s="124"/>
      <c r="AJ26" s="124"/>
      <c r="AK26" s="124"/>
      <c r="AL26" s="124"/>
      <c r="AM26" s="124"/>
      <c r="AN26" s="148"/>
      <c r="AO26" s="92"/>
      <c r="AP26" s="145"/>
    </row>
    <row r="27" spans="1:42" ht="15.95" customHeight="1" x14ac:dyDescent="0.15">
      <c r="A27" s="162"/>
      <c r="B27" s="153"/>
      <c r="C27" s="153"/>
      <c r="D27" s="154"/>
      <c r="E27" s="603"/>
      <c r="F27" s="604"/>
      <c r="G27" s="604"/>
      <c r="H27" s="605"/>
      <c r="I27" s="603"/>
      <c r="J27" s="604"/>
      <c r="K27" s="604"/>
      <c r="L27" s="605"/>
      <c r="M27" s="266"/>
      <c r="N27" s="97"/>
      <c r="O27" s="105" t="s">
        <v>25</v>
      </c>
      <c r="P27" s="456"/>
      <c r="Q27" s="456"/>
      <c r="R27" s="456"/>
      <c r="S27" s="96" t="s">
        <v>337</v>
      </c>
      <c r="T27" s="116"/>
      <c r="U27" s="105"/>
      <c r="V27" s="97" t="s">
        <v>338</v>
      </c>
      <c r="W27" s="97"/>
      <c r="X27" s="105"/>
      <c r="Y27" s="97"/>
      <c r="Z27" s="97"/>
      <c r="AA27" s="468"/>
      <c r="AB27" s="468"/>
      <c r="AC27" s="96"/>
      <c r="AD27" s="96" t="s">
        <v>339</v>
      </c>
      <c r="AE27" s="97"/>
      <c r="AF27" s="116"/>
      <c r="AG27" s="106"/>
      <c r="AH27" s="118"/>
      <c r="AI27" s="118"/>
      <c r="AJ27" s="118"/>
      <c r="AK27" s="118"/>
      <c r="AL27" s="118"/>
      <c r="AM27" s="118"/>
      <c r="AN27" s="169"/>
      <c r="AO27" s="105"/>
      <c r="AP27" s="170"/>
    </row>
    <row r="28" spans="1:42" ht="15.95" customHeight="1" x14ac:dyDescent="0.15">
      <c r="A28" s="162"/>
      <c r="B28" s="153"/>
      <c r="C28" s="153"/>
      <c r="D28" s="154"/>
      <c r="E28" s="537" t="s">
        <v>346</v>
      </c>
      <c r="F28" s="538"/>
      <c r="G28" s="538"/>
      <c r="H28" s="539"/>
      <c r="I28" s="537" t="s">
        <v>347</v>
      </c>
      <c r="J28" s="538"/>
      <c r="K28" s="538"/>
      <c r="L28" s="539"/>
      <c r="M28" s="494" t="s">
        <v>348</v>
      </c>
      <c r="N28" s="431"/>
      <c r="O28" s="431"/>
      <c r="P28" s="431"/>
      <c r="Q28" s="431"/>
      <c r="R28" s="431"/>
      <c r="S28" s="431"/>
      <c r="T28" s="431"/>
      <c r="U28" s="431"/>
      <c r="V28" s="431"/>
      <c r="W28" s="431"/>
      <c r="X28" s="431"/>
      <c r="Y28" s="431"/>
      <c r="Z28" s="431"/>
      <c r="AA28" s="431"/>
      <c r="AB28" s="431"/>
      <c r="AC28" s="431"/>
      <c r="AD28" s="431"/>
      <c r="AE28" s="431"/>
      <c r="AF28" s="431"/>
      <c r="AG28" s="495"/>
      <c r="AH28" s="146" t="s">
        <v>7</v>
      </c>
      <c r="AI28" s="92" t="s">
        <v>69</v>
      </c>
      <c r="AK28" s="124"/>
      <c r="AL28" s="151"/>
      <c r="AM28" s="156"/>
      <c r="AN28" s="148"/>
      <c r="AO28" s="92"/>
      <c r="AP28" s="145"/>
    </row>
    <row r="29" spans="1:42" ht="15.95" customHeight="1" x14ac:dyDescent="0.15">
      <c r="A29" s="162"/>
      <c r="B29" s="153"/>
      <c r="C29" s="153"/>
      <c r="D29" s="154"/>
      <c r="E29" s="537"/>
      <c r="F29" s="538"/>
      <c r="G29" s="538"/>
      <c r="H29" s="539"/>
      <c r="I29" s="537"/>
      <c r="J29" s="538"/>
      <c r="K29" s="538"/>
      <c r="L29" s="539"/>
      <c r="M29" s="148" t="s">
        <v>349</v>
      </c>
      <c r="N29" s="103"/>
      <c r="O29" s="103"/>
      <c r="P29" s="103"/>
      <c r="Q29" s="92"/>
      <c r="R29" s="103"/>
      <c r="S29" s="103" t="s">
        <v>350</v>
      </c>
      <c r="T29" s="103"/>
      <c r="U29" s="102"/>
      <c r="V29" s="102"/>
      <c r="W29" s="103"/>
      <c r="X29" s="103"/>
      <c r="Y29" s="92"/>
      <c r="Z29" s="103"/>
      <c r="AA29" s="103"/>
      <c r="AB29" s="103"/>
      <c r="AC29" s="102"/>
      <c r="AD29" s="102"/>
      <c r="AE29" s="102"/>
      <c r="AF29" s="102"/>
      <c r="AG29" s="251"/>
      <c r="AH29" s="146" t="s">
        <v>7</v>
      </c>
      <c r="AI29" s="92" t="s">
        <v>169</v>
      </c>
      <c r="AJ29" s="92"/>
      <c r="AK29" s="124"/>
      <c r="AL29" s="151"/>
      <c r="AM29" s="92"/>
      <c r="AN29" s="148"/>
      <c r="AO29" s="92"/>
      <c r="AP29" s="145"/>
    </row>
    <row r="30" spans="1:42" ht="15.95" customHeight="1" x14ac:dyDescent="0.15">
      <c r="A30" s="162"/>
      <c r="B30" s="153"/>
      <c r="C30" s="153"/>
      <c r="D30" s="154"/>
      <c r="E30" s="537"/>
      <c r="F30" s="538"/>
      <c r="G30" s="538"/>
      <c r="H30" s="539"/>
      <c r="I30" s="537"/>
      <c r="J30" s="538"/>
      <c r="K30" s="538"/>
      <c r="L30" s="539"/>
      <c r="M30" s="148" t="s">
        <v>144</v>
      </c>
      <c r="N30" s="431"/>
      <c r="O30" s="431"/>
      <c r="P30" s="431"/>
      <c r="Q30" s="92" t="s">
        <v>112</v>
      </c>
      <c r="R30" s="103"/>
      <c r="S30" s="103" t="s">
        <v>144</v>
      </c>
      <c r="T30" s="431"/>
      <c r="U30" s="431"/>
      <c r="V30" s="431"/>
      <c r="W30" s="431"/>
      <c r="X30" s="431"/>
      <c r="Y30" s="431"/>
      <c r="Z30" s="431"/>
      <c r="AA30" s="431"/>
      <c r="AB30" s="431"/>
      <c r="AC30" s="431"/>
      <c r="AD30" s="102" t="s">
        <v>112</v>
      </c>
      <c r="AE30" s="102"/>
      <c r="AF30" s="102"/>
      <c r="AG30" s="251"/>
      <c r="AH30" s="124"/>
      <c r="AI30" s="124"/>
      <c r="AJ30" s="124"/>
      <c r="AK30" s="124"/>
      <c r="AL30" s="92"/>
      <c r="AM30" s="92"/>
      <c r="AN30" s="148"/>
      <c r="AO30" s="92"/>
      <c r="AP30" s="145"/>
    </row>
    <row r="31" spans="1:42" ht="15.95" customHeight="1" x14ac:dyDescent="0.15">
      <c r="A31" s="162"/>
      <c r="B31" s="153"/>
      <c r="C31" s="153"/>
      <c r="D31" s="154"/>
      <c r="E31" s="537"/>
      <c r="F31" s="538"/>
      <c r="G31" s="538"/>
      <c r="H31" s="539"/>
      <c r="I31" s="537"/>
      <c r="J31" s="538"/>
      <c r="K31" s="538"/>
      <c r="L31" s="539"/>
      <c r="M31" s="148" t="s">
        <v>144</v>
      </c>
      <c r="N31" s="431"/>
      <c r="O31" s="431"/>
      <c r="P31" s="431"/>
      <c r="Q31" s="92" t="s">
        <v>112</v>
      </c>
      <c r="R31" s="103"/>
      <c r="S31" s="103" t="s">
        <v>144</v>
      </c>
      <c r="T31" s="431"/>
      <c r="U31" s="431"/>
      <c r="V31" s="431"/>
      <c r="W31" s="431"/>
      <c r="X31" s="431"/>
      <c r="Y31" s="431"/>
      <c r="Z31" s="431"/>
      <c r="AA31" s="431"/>
      <c r="AB31" s="431"/>
      <c r="AC31" s="431"/>
      <c r="AD31" s="102" t="s">
        <v>112</v>
      </c>
      <c r="AE31" s="102"/>
      <c r="AF31" s="102"/>
      <c r="AG31" s="251"/>
      <c r="AH31" s="124"/>
      <c r="AI31" s="124"/>
      <c r="AJ31" s="124"/>
      <c r="AK31" s="124"/>
      <c r="AL31" s="92"/>
      <c r="AM31" s="92"/>
      <c r="AN31" s="148"/>
      <c r="AO31" s="92"/>
      <c r="AP31" s="145"/>
    </row>
    <row r="32" spans="1:42" ht="15.95" customHeight="1" x14ac:dyDescent="0.15">
      <c r="A32" s="162"/>
      <c r="B32" s="153"/>
      <c r="C32" s="153"/>
      <c r="D32" s="154"/>
      <c r="E32" s="537"/>
      <c r="F32" s="538"/>
      <c r="G32" s="538"/>
      <c r="H32" s="539"/>
      <c r="I32" s="603"/>
      <c r="J32" s="604"/>
      <c r="K32" s="604"/>
      <c r="L32" s="605"/>
      <c r="M32" s="169" t="s">
        <v>144</v>
      </c>
      <c r="N32" s="456"/>
      <c r="O32" s="456"/>
      <c r="P32" s="456"/>
      <c r="Q32" s="105" t="s">
        <v>112</v>
      </c>
      <c r="R32" s="97"/>
      <c r="S32" s="97" t="s">
        <v>144</v>
      </c>
      <c r="T32" s="456"/>
      <c r="U32" s="456"/>
      <c r="V32" s="456"/>
      <c r="W32" s="456"/>
      <c r="X32" s="456"/>
      <c r="Y32" s="456"/>
      <c r="Z32" s="456"/>
      <c r="AA32" s="456"/>
      <c r="AB32" s="456"/>
      <c r="AC32" s="456"/>
      <c r="AD32" s="96" t="s">
        <v>112</v>
      </c>
      <c r="AE32" s="96"/>
      <c r="AF32" s="96"/>
      <c r="AG32" s="191"/>
      <c r="AH32" s="121"/>
      <c r="AI32" s="124"/>
      <c r="AJ32" s="124"/>
      <c r="AK32" s="124"/>
      <c r="AL32" s="151"/>
      <c r="AM32" s="103"/>
      <c r="AN32" s="148"/>
      <c r="AO32" s="92"/>
      <c r="AP32" s="145"/>
    </row>
    <row r="33" spans="1:42" ht="15.95" customHeight="1" x14ac:dyDescent="0.15">
      <c r="A33" s="162"/>
      <c r="B33" s="153"/>
      <c r="C33" s="153"/>
      <c r="D33" s="154"/>
      <c r="E33" s="537"/>
      <c r="F33" s="538"/>
      <c r="G33" s="538"/>
      <c r="H33" s="539"/>
      <c r="I33" s="600" t="s">
        <v>351</v>
      </c>
      <c r="J33" s="601"/>
      <c r="K33" s="601"/>
      <c r="L33" s="602"/>
      <c r="M33" s="148" t="s">
        <v>352</v>
      </c>
      <c r="N33" s="102"/>
      <c r="O33" s="102"/>
      <c r="P33" s="102"/>
      <c r="Q33" s="92" t="s">
        <v>353</v>
      </c>
      <c r="R33" s="103"/>
      <c r="S33" s="103"/>
      <c r="T33" s="102"/>
      <c r="U33" s="102"/>
      <c r="V33" s="102"/>
      <c r="W33" s="102"/>
      <c r="X33" s="103"/>
      <c r="Y33" s="103" t="s">
        <v>354</v>
      </c>
      <c r="Z33" s="102"/>
      <c r="AA33" s="102"/>
      <c r="AB33" s="102"/>
      <c r="AC33" s="102"/>
      <c r="AD33" s="102"/>
      <c r="AE33" s="102"/>
      <c r="AF33" s="102"/>
      <c r="AG33" s="251"/>
      <c r="AH33" s="124"/>
      <c r="AI33" s="124"/>
      <c r="AJ33" s="124"/>
      <c r="AK33" s="124"/>
      <c r="AL33" s="124"/>
      <c r="AM33" s="124"/>
      <c r="AN33" s="149"/>
      <c r="AP33" s="104"/>
    </row>
    <row r="34" spans="1:42" ht="15.95" customHeight="1" x14ac:dyDescent="0.15">
      <c r="A34" s="162"/>
      <c r="B34" s="153"/>
      <c r="C34" s="153"/>
      <c r="D34" s="154"/>
      <c r="E34" s="537"/>
      <c r="F34" s="538"/>
      <c r="G34" s="538"/>
      <c r="H34" s="539"/>
      <c r="I34" s="537"/>
      <c r="J34" s="538"/>
      <c r="K34" s="538"/>
      <c r="L34" s="539"/>
      <c r="M34" s="148" t="s">
        <v>144</v>
      </c>
      <c r="N34" s="431"/>
      <c r="O34" s="431"/>
      <c r="P34" s="102" t="s">
        <v>26</v>
      </c>
      <c r="Q34" s="92" t="s">
        <v>25</v>
      </c>
      <c r="R34" s="431"/>
      <c r="S34" s="431"/>
      <c r="T34" s="431"/>
      <c r="U34" s="431"/>
      <c r="V34" s="431"/>
      <c r="W34" s="102" t="s">
        <v>26</v>
      </c>
      <c r="X34" s="102"/>
      <c r="Y34" s="102" t="s">
        <v>25</v>
      </c>
      <c r="Z34" s="431"/>
      <c r="AA34" s="431"/>
      <c r="AB34" s="431"/>
      <c r="AC34" s="431"/>
      <c r="AD34" s="431"/>
      <c r="AE34" s="102"/>
      <c r="AF34" s="102"/>
      <c r="AG34" s="251" t="s">
        <v>26</v>
      </c>
      <c r="AH34" s="124"/>
      <c r="AI34" s="124"/>
      <c r="AJ34" s="124"/>
      <c r="AK34" s="124"/>
      <c r="AL34" s="124"/>
      <c r="AM34" s="124"/>
      <c r="AN34" s="149"/>
      <c r="AP34" s="104"/>
    </row>
    <row r="35" spans="1:42" ht="15.95" customHeight="1" x14ac:dyDescent="0.15">
      <c r="A35" s="162"/>
      <c r="B35" s="153"/>
      <c r="C35" s="153"/>
      <c r="D35" s="154"/>
      <c r="E35" s="537"/>
      <c r="F35" s="538"/>
      <c r="G35" s="538"/>
      <c r="H35" s="539"/>
      <c r="I35" s="537"/>
      <c r="J35" s="538"/>
      <c r="K35" s="538"/>
      <c r="L35" s="539"/>
      <c r="M35" s="148" t="s">
        <v>144</v>
      </c>
      <c r="N35" s="102"/>
      <c r="P35" s="102" t="s">
        <v>26</v>
      </c>
      <c r="Q35" s="92" t="s">
        <v>25</v>
      </c>
      <c r="R35" s="431"/>
      <c r="S35" s="431"/>
      <c r="T35" s="431"/>
      <c r="U35" s="431"/>
      <c r="V35" s="431"/>
      <c r="W35" s="102" t="s">
        <v>26</v>
      </c>
      <c r="X35" s="102"/>
      <c r="Y35" s="102" t="s">
        <v>25</v>
      </c>
      <c r="Z35" s="431"/>
      <c r="AA35" s="431"/>
      <c r="AB35" s="431"/>
      <c r="AC35" s="431"/>
      <c r="AD35" s="431"/>
      <c r="AE35" s="102"/>
      <c r="AF35" s="102"/>
      <c r="AG35" s="251" t="s">
        <v>26</v>
      </c>
      <c r="AH35" s="124"/>
      <c r="AI35" s="124"/>
      <c r="AJ35" s="124"/>
      <c r="AK35" s="124"/>
      <c r="AL35" s="124"/>
      <c r="AM35" s="124"/>
      <c r="AN35" s="149"/>
      <c r="AP35" s="104"/>
    </row>
    <row r="36" spans="1:42" ht="15.95" customHeight="1" x14ac:dyDescent="0.15">
      <c r="A36" s="162"/>
      <c r="B36" s="153"/>
      <c r="C36" s="153"/>
      <c r="D36" s="154"/>
      <c r="E36" s="603"/>
      <c r="F36" s="604"/>
      <c r="G36" s="604"/>
      <c r="H36" s="605"/>
      <c r="I36" s="603"/>
      <c r="J36" s="604"/>
      <c r="K36" s="604"/>
      <c r="L36" s="605"/>
      <c r="M36" s="169" t="s">
        <v>144</v>
      </c>
      <c r="N36" s="96"/>
      <c r="P36" s="102" t="s">
        <v>26</v>
      </c>
      <c r="Q36" s="105" t="s">
        <v>25</v>
      </c>
      <c r="R36" s="456"/>
      <c r="S36" s="456"/>
      <c r="T36" s="456"/>
      <c r="U36" s="456"/>
      <c r="V36" s="456"/>
      <c r="W36" s="102" t="s">
        <v>26</v>
      </c>
      <c r="X36" s="102"/>
      <c r="Y36" s="102" t="s">
        <v>25</v>
      </c>
      <c r="Z36" s="456"/>
      <c r="AA36" s="456"/>
      <c r="AB36" s="456"/>
      <c r="AC36" s="456"/>
      <c r="AD36" s="456"/>
      <c r="AE36" s="102"/>
      <c r="AF36" s="102"/>
      <c r="AG36" s="251" t="s">
        <v>26</v>
      </c>
      <c r="AH36" s="115"/>
      <c r="AI36" s="118"/>
      <c r="AJ36" s="118"/>
      <c r="AK36" s="118"/>
      <c r="AL36" s="118"/>
      <c r="AM36" s="118"/>
      <c r="AN36" s="219"/>
      <c r="AO36" s="116"/>
      <c r="AP36" s="106"/>
    </row>
    <row r="37" spans="1:42" ht="15.95" customHeight="1" x14ac:dyDescent="0.15">
      <c r="A37" s="317"/>
      <c r="B37" s="124"/>
      <c r="C37" s="92"/>
      <c r="D37" s="145"/>
      <c r="E37" s="600" t="s">
        <v>882</v>
      </c>
      <c r="F37" s="601"/>
      <c r="G37" s="601"/>
      <c r="H37" s="602"/>
      <c r="I37" s="473" t="s">
        <v>355</v>
      </c>
      <c r="J37" s="491"/>
      <c r="K37" s="491"/>
      <c r="L37" s="608"/>
      <c r="M37" s="146" t="s">
        <v>7</v>
      </c>
      <c r="N37" s="103" t="s">
        <v>356</v>
      </c>
      <c r="O37" s="98"/>
      <c r="P37" s="142"/>
      <c r="Q37" s="263"/>
      <c r="R37" s="103"/>
      <c r="S37" s="103"/>
      <c r="T37" s="208"/>
      <c r="U37" s="208"/>
      <c r="V37" s="208"/>
      <c r="W37" s="208"/>
      <c r="X37" s="208"/>
      <c r="Y37" s="208"/>
      <c r="Z37" s="208"/>
      <c r="AA37" s="208"/>
      <c r="AB37" s="208"/>
      <c r="AC37" s="206"/>
      <c r="AD37" s="208"/>
      <c r="AE37" s="208"/>
      <c r="AF37" s="208"/>
      <c r="AG37" s="262"/>
      <c r="AH37" s="146" t="s">
        <v>7</v>
      </c>
      <c r="AI37" s="92" t="s">
        <v>357</v>
      </c>
      <c r="AJ37" s="124"/>
      <c r="AK37" s="124"/>
      <c r="AL37" s="124"/>
      <c r="AM37" s="124"/>
      <c r="AN37" s="149"/>
      <c r="AP37" s="104"/>
    </row>
    <row r="38" spans="1:42" ht="15.95" customHeight="1" x14ac:dyDescent="0.15">
      <c r="A38" s="317"/>
      <c r="B38" s="267"/>
      <c r="C38" s="102"/>
      <c r="D38" s="152"/>
      <c r="E38" s="537"/>
      <c r="F38" s="538"/>
      <c r="G38" s="538"/>
      <c r="H38" s="539"/>
      <c r="I38" s="609"/>
      <c r="J38" s="610"/>
      <c r="K38" s="610"/>
      <c r="L38" s="611"/>
      <c r="M38" s="169"/>
      <c r="N38" s="127" t="s">
        <v>25</v>
      </c>
      <c r="O38" s="456"/>
      <c r="P38" s="456"/>
      <c r="Q38" s="456"/>
      <c r="R38" s="456"/>
      <c r="S38" s="456"/>
      <c r="T38" s="96" t="s">
        <v>26</v>
      </c>
      <c r="U38" s="97" t="s">
        <v>358</v>
      </c>
      <c r="V38" s="116"/>
      <c r="W38" s="116"/>
      <c r="X38" s="116"/>
      <c r="Y38" s="97"/>
      <c r="Z38" s="97"/>
      <c r="AA38" s="97"/>
      <c r="AB38" s="97"/>
      <c r="AC38" s="96"/>
      <c r="AD38" s="97"/>
      <c r="AE38" s="97"/>
      <c r="AF38" s="97"/>
      <c r="AG38" s="191"/>
      <c r="AH38" s="146" t="s">
        <v>7</v>
      </c>
      <c r="AI38" s="124"/>
      <c r="AJ38" s="124"/>
      <c r="AK38" s="124"/>
      <c r="AL38" s="124"/>
      <c r="AM38" s="124"/>
      <c r="AN38" s="149"/>
      <c r="AP38" s="104"/>
    </row>
    <row r="39" spans="1:42" ht="15.95" customHeight="1" x14ac:dyDescent="0.15">
      <c r="A39" s="148"/>
      <c r="B39" s="92"/>
      <c r="C39" s="92"/>
      <c r="D39" s="145"/>
      <c r="E39" s="537"/>
      <c r="F39" s="538"/>
      <c r="G39" s="538"/>
      <c r="H39" s="539"/>
      <c r="I39" s="612" t="s">
        <v>359</v>
      </c>
      <c r="J39" s="613"/>
      <c r="K39" s="613"/>
      <c r="L39" s="614"/>
      <c r="M39" s="146" t="s">
        <v>7</v>
      </c>
      <c r="N39" s="208" t="s">
        <v>360</v>
      </c>
      <c r="O39" s="208"/>
      <c r="P39" s="208"/>
      <c r="Q39" s="208"/>
      <c r="R39" s="114"/>
      <c r="S39" s="206"/>
      <c r="T39" s="208"/>
      <c r="U39" s="114"/>
      <c r="V39" s="208"/>
      <c r="W39" s="208"/>
      <c r="X39" s="114"/>
      <c r="Y39" s="114"/>
      <c r="Z39" s="114"/>
      <c r="AA39" s="114"/>
      <c r="AB39" s="114"/>
      <c r="AC39" s="206"/>
      <c r="AD39" s="208"/>
      <c r="AE39" s="208"/>
      <c r="AF39" s="208"/>
      <c r="AG39" s="262"/>
      <c r="AH39" s="124"/>
      <c r="AI39" s="124"/>
      <c r="AJ39" s="124"/>
      <c r="AK39" s="124"/>
      <c r="AL39" s="124"/>
      <c r="AM39" s="124"/>
      <c r="AN39" s="149"/>
      <c r="AP39" s="104"/>
    </row>
    <row r="40" spans="1:42" ht="15.95" customHeight="1" x14ac:dyDescent="0.15">
      <c r="A40" s="148"/>
      <c r="B40" s="92"/>
      <c r="C40" s="92"/>
      <c r="D40" s="145"/>
      <c r="E40" s="603"/>
      <c r="F40" s="604"/>
      <c r="G40" s="604"/>
      <c r="H40" s="605"/>
      <c r="I40" s="615"/>
      <c r="J40" s="616"/>
      <c r="K40" s="616"/>
      <c r="L40" s="617"/>
      <c r="M40" s="155"/>
      <c r="N40" s="127" t="s">
        <v>25</v>
      </c>
      <c r="O40" s="456"/>
      <c r="P40" s="456"/>
      <c r="Q40" s="456"/>
      <c r="R40" s="456"/>
      <c r="S40" s="456"/>
      <c r="T40" s="96" t="s">
        <v>26</v>
      </c>
      <c r="U40" s="116"/>
      <c r="V40" s="97"/>
      <c r="W40" s="97"/>
      <c r="X40" s="116"/>
      <c r="Y40" s="116"/>
      <c r="Z40" s="116"/>
      <c r="AA40" s="116"/>
      <c r="AB40" s="116"/>
      <c r="AC40" s="96"/>
      <c r="AD40" s="97"/>
      <c r="AE40" s="97"/>
      <c r="AF40" s="97"/>
      <c r="AG40" s="191"/>
      <c r="AH40" s="115"/>
      <c r="AI40" s="118"/>
      <c r="AJ40" s="118"/>
      <c r="AK40" s="118"/>
      <c r="AL40" s="118"/>
      <c r="AM40" s="118"/>
      <c r="AN40" s="219"/>
      <c r="AO40" s="116"/>
      <c r="AP40" s="106"/>
    </row>
    <row r="41" spans="1:42" ht="15.95" customHeight="1" x14ac:dyDescent="0.15">
      <c r="A41" s="148"/>
      <c r="B41" s="92"/>
      <c r="C41" s="92"/>
      <c r="D41" s="145"/>
      <c r="E41" s="537" t="s">
        <v>322</v>
      </c>
      <c r="F41" s="538"/>
      <c r="G41" s="538"/>
      <c r="H41" s="539"/>
      <c r="I41" s="437" t="s">
        <v>361</v>
      </c>
      <c r="J41" s="438"/>
      <c r="K41" s="438"/>
      <c r="L41" s="439"/>
      <c r="M41" s="247" t="s">
        <v>362</v>
      </c>
      <c r="N41" s="103"/>
      <c r="O41" s="103"/>
      <c r="P41" s="102"/>
      <c r="Q41" s="102" t="s">
        <v>25</v>
      </c>
      <c r="R41" s="453"/>
      <c r="S41" s="453"/>
      <c r="T41" s="453"/>
      <c r="U41" s="453"/>
      <c r="V41" s="102" t="s">
        <v>26</v>
      </c>
      <c r="AA41" s="103"/>
      <c r="AB41" s="103"/>
      <c r="AC41" s="103"/>
      <c r="AD41" s="102"/>
      <c r="AE41" s="102"/>
      <c r="AF41" s="102"/>
      <c r="AG41" s="251"/>
      <c r="AH41" s="146" t="s">
        <v>7</v>
      </c>
      <c r="AI41" s="92" t="s">
        <v>363</v>
      </c>
      <c r="AJ41" s="92"/>
      <c r="AK41" s="124"/>
      <c r="AL41" s="124"/>
      <c r="AM41" s="124"/>
      <c r="AN41" s="149"/>
      <c r="AP41" s="104"/>
    </row>
    <row r="42" spans="1:42" ht="15.95" customHeight="1" x14ac:dyDescent="0.15">
      <c r="A42" s="148"/>
      <c r="B42" s="92"/>
      <c r="C42" s="92"/>
      <c r="D42" s="145"/>
      <c r="E42" s="537"/>
      <c r="F42" s="538"/>
      <c r="G42" s="538"/>
      <c r="H42" s="539"/>
      <c r="I42" s="461"/>
      <c r="J42" s="462"/>
      <c r="K42" s="462"/>
      <c r="L42" s="463"/>
      <c r="M42" s="169"/>
      <c r="N42" s="105"/>
      <c r="O42" s="105"/>
      <c r="P42" s="105"/>
      <c r="Q42" s="96"/>
      <c r="R42" s="97"/>
      <c r="S42" s="97"/>
      <c r="T42" s="97"/>
      <c r="U42" s="97"/>
      <c r="V42" s="96"/>
      <c r="W42" s="97"/>
      <c r="X42" s="116"/>
      <c r="Y42" s="97"/>
      <c r="Z42" s="97"/>
      <c r="AA42" s="97"/>
      <c r="AB42" s="97"/>
      <c r="AC42" s="96"/>
      <c r="AD42" s="97"/>
      <c r="AE42" s="97"/>
      <c r="AF42" s="97"/>
      <c r="AG42" s="191"/>
      <c r="AH42" s="146" t="s">
        <v>7</v>
      </c>
      <c r="AI42" s="92" t="s">
        <v>69</v>
      </c>
      <c r="AJ42" s="92"/>
      <c r="AK42" s="124"/>
      <c r="AL42" s="124"/>
      <c r="AM42" s="124"/>
      <c r="AN42" s="318"/>
      <c r="AP42" s="104"/>
    </row>
    <row r="43" spans="1:42" ht="15.95" customHeight="1" x14ac:dyDescent="0.15">
      <c r="A43" s="148"/>
      <c r="B43" s="92"/>
      <c r="C43" s="92"/>
      <c r="D43" s="145"/>
      <c r="E43" s="537"/>
      <c r="F43" s="538"/>
      <c r="G43" s="538"/>
      <c r="H43" s="539"/>
      <c r="I43" s="473" t="s">
        <v>364</v>
      </c>
      <c r="J43" s="474"/>
      <c r="K43" s="474"/>
      <c r="L43" s="475"/>
      <c r="M43" s="146" t="s">
        <v>7</v>
      </c>
      <c r="N43" s="208" t="s">
        <v>365</v>
      </c>
      <c r="O43" s="98"/>
      <c r="P43" s="98"/>
      <c r="Q43" s="98"/>
      <c r="R43" s="98"/>
      <c r="S43" s="98"/>
      <c r="X43" s="98"/>
      <c r="Y43" s="98"/>
      <c r="Z43" s="98"/>
      <c r="AA43" s="98"/>
      <c r="AB43" s="98"/>
      <c r="AC43" s="98"/>
      <c r="AD43" s="98"/>
      <c r="AE43" s="98"/>
      <c r="AF43" s="98"/>
      <c r="AG43" s="142"/>
      <c r="AH43" s="146" t="s">
        <v>7</v>
      </c>
      <c r="AI43" s="92" t="s">
        <v>122</v>
      </c>
      <c r="AJ43" s="92"/>
      <c r="AK43" s="124"/>
      <c r="AL43" s="124"/>
      <c r="AM43" s="124"/>
      <c r="AN43" s="149"/>
      <c r="AP43" s="104"/>
    </row>
    <row r="44" spans="1:42" ht="15.95" customHeight="1" x14ac:dyDescent="0.15">
      <c r="A44" s="148"/>
      <c r="B44" s="92"/>
      <c r="C44" s="92"/>
      <c r="D44" s="145"/>
      <c r="E44" s="537"/>
      <c r="F44" s="538"/>
      <c r="G44" s="538"/>
      <c r="H44" s="539"/>
      <c r="I44" s="486"/>
      <c r="J44" s="487"/>
      <c r="K44" s="487"/>
      <c r="L44" s="488"/>
      <c r="M44" s="146" t="s">
        <v>7</v>
      </c>
      <c r="N44" s="103" t="s">
        <v>366</v>
      </c>
      <c r="O44" s="102"/>
      <c r="P44" s="102"/>
      <c r="Q44" s="102"/>
      <c r="R44" s="102"/>
      <c r="S44" s="102"/>
      <c r="Y44" s="102"/>
      <c r="Z44" s="103"/>
      <c r="AA44" s="102"/>
      <c r="AB44" s="96"/>
      <c r="AC44" s="96"/>
      <c r="AD44" s="96"/>
      <c r="AE44" s="96"/>
      <c r="AF44" s="96"/>
      <c r="AG44" s="259"/>
      <c r="AH44" s="146" t="s">
        <v>7</v>
      </c>
      <c r="AI44" s="124"/>
      <c r="AJ44" s="124"/>
      <c r="AK44" s="124"/>
      <c r="AL44" s="124"/>
      <c r="AM44" s="124"/>
      <c r="AN44" s="149"/>
      <c r="AP44" s="104"/>
    </row>
    <row r="45" spans="1:42" ht="15.95" customHeight="1" x14ac:dyDescent="0.15">
      <c r="A45" s="148"/>
      <c r="B45" s="92"/>
      <c r="C45" s="92"/>
      <c r="D45" s="145"/>
      <c r="E45" s="537"/>
      <c r="F45" s="538"/>
      <c r="G45" s="538"/>
      <c r="H45" s="539"/>
      <c r="I45" s="473" t="s">
        <v>367</v>
      </c>
      <c r="J45" s="474"/>
      <c r="K45" s="474"/>
      <c r="L45" s="475"/>
      <c r="M45" s="247" t="s">
        <v>368</v>
      </c>
      <c r="N45" s="208"/>
      <c r="O45" s="206"/>
      <c r="P45" s="206"/>
      <c r="Q45" s="206"/>
      <c r="R45" s="206"/>
      <c r="S45" s="206"/>
      <c r="T45" s="114"/>
      <c r="U45" s="206"/>
      <c r="V45" s="208"/>
      <c r="W45" s="206"/>
      <c r="X45" s="206"/>
      <c r="Y45" s="206"/>
      <c r="Z45" s="206"/>
      <c r="AA45" s="206"/>
      <c r="AG45" s="104"/>
      <c r="AH45" s="124"/>
      <c r="AI45" s="124"/>
      <c r="AJ45" s="124"/>
      <c r="AK45" s="92"/>
      <c r="AL45" s="92"/>
      <c r="AM45" s="92"/>
      <c r="AN45" s="149"/>
      <c r="AP45" s="104"/>
    </row>
    <row r="46" spans="1:42" ht="15.95" customHeight="1" x14ac:dyDescent="0.15">
      <c r="A46" s="148"/>
      <c r="B46" s="92"/>
      <c r="C46" s="92"/>
      <c r="D46" s="145"/>
      <c r="E46" s="537"/>
      <c r="F46" s="538"/>
      <c r="G46" s="538"/>
      <c r="H46" s="539"/>
      <c r="I46" s="486"/>
      <c r="J46" s="487"/>
      <c r="K46" s="487"/>
      <c r="L46" s="488"/>
      <c r="M46" s="167" t="s">
        <v>7</v>
      </c>
      <c r="N46" s="97" t="s">
        <v>369</v>
      </c>
      <c r="O46" s="96"/>
      <c r="P46" s="96"/>
      <c r="Q46" s="96"/>
      <c r="R46" s="126" t="s">
        <v>7</v>
      </c>
      <c r="S46" s="97" t="s">
        <v>370</v>
      </c>
      <c r="T46" s="96"/>
      <c r="U46" s="116"/>
      <c r="V46" s="96"/>
      <c r="W46" s="126" t="s">
        <v>7</v>
      </c>
      <c r="X46" s="97" t="s">
        <v>371</v>
      </c>
      <c r="Y46" s="96"/>
      <c r="Z46" s="96"/>
      <c r="AA46" s="116"/>
      <c r="AB46" s="126" t="s">
        <v>7</v>
      </c>
      <c r="AC46" s="97" t="s">
        <v>372</v>
      </c>
      <c r="AD46" s="116"/>
      <c r="AE46" s="116"/>
      <c r="AF46" s="116"/>
      <c r="AG46" s="106"/>
      <c r="AH46" s="124"/>
      <c r="AI46" s="124"/>
      <c r="AJ46" s="124"/>
      <c r="AK46" s="92"/>
      <c r="AL46" s="92"/>
      <c r="AM46" s="92"/>
      <c r="AN46" s="149"/>
      <c r="AP46" s="104"/>
    </row>
    <row r="47" spans="1:42" ht="15.95" customHeight="1" x14ac:dyDescent="0.15">
      <c r="A47" s="148"/>
      <c r="B47" s="92"/>
      <c r="C47" s="92"/>
      <c r="D47" s="145"/>
      <c r="E47" s="537"/>
      <c r="F47" s="538"/>
      <c r="G47" s="538"/>
      <c r="H47" s="539"/>
      <c r="I47" s="486"/>
      <c r="J47" s="487"/>
      <c r="K47" s="487"/>
      <c r="L47" s="488"/>
      <c r="M47" s="146" t="s">
        <v>7</v>
      </c>
      <c r="N47" s="103" t="s">
        <v>373</v>
      </c>
      <c r="O47" s="102"/>
      <c r="P47" s="102"/>
      <c r="Q47" s="102"/>
      <c r="R47" s="102"/>
      <c r="S47" s="102"/>
      <c r="U47" s="102"/>
      <c r="V47" s="103"/>
      <c r="W47" s="102"/>
      <c r="X47" s="102"/>
      <c r="Y47" s="102"/>
      <c r="Z47" s="102"/>
      <c r="AA47" s="102"/>
      <c r="AG47" s="104"/>
      <c r="AH47" s="124"/>
      <c r="AI47" s="124"/>
      <c r="AJ47" s="124"/>
      <c r="AK47" s="182"/>
      <c r="AL47" s="182"/>
      <c r="AM47" s="92"/>
      <c r="AN47" s="149"/>
      <c r="AP47" s="104"/>
    </row>
    <row r="48" spans="1:42" ht="15.95" customHeight="1" x14ac:dyDescent="0.15">
      <c r="A48" s="148"/>
      <c r="B48" s="92"/>
      <c r="C48" s="92"/>
      <c r="D48" s="145"/>
      <c r="E48" s="603"/>
      <c r="F48" s="604"/>
      <c r="G48" s="604"/>
      <c r="H48" s="605"/>
      <c r="I48" s="531"/>
      <c r="J48" s="532"/>
      <c r="K48" s="532"/>
      <c r="L48" s="533"/>
      <c r="M48" s="212"/>
      <c r="N48" s="126" t="s">
        <v>7</v>
      </c>
      <c r="O48" s="97" t="s">
        <v>374</v>
      </c>
      <c r="P48" s="96"/>
      <c r="Q48" s="96"/>
      <c r="R48" s="96"/>
      <c r="S48" s="96"/>
      <c r="T48" s="116"/>
      <c r="U48" s="96"/>
      <c r="V48" s="126" t="s">
        <v>7</v>
      </c>
      <c r="W48" s="97" t="s">
        <v>375</v>
      </c>
      <c r="X48" s="96"/>
      <c r="Y48" s="96"/>
      <c r="Z48" s="96"/>
      <c r="AA48" s="96"/>
      <c r="AB48" s="116"/>
      <c r="AC48" s="116"/>
      <c r="AD48" s="116"/>
      <c r="AG48" s="104"/>
      <c r="AH48" s="115"/>
      <c r="AI48" s="118"/>
      <c r="AJ48" s="118"/>
      <c r="AK48" s="105"/>
      <c r="AL48" s="105"/>
      <c r="AM48" s="105"/>
      <c r="AN48" s="219"/>
      <c r="AO48" s="116"/>
      <c r="AP48" s="106"/>
    </row>
    <row r="49" spans="1:42" ht="15.95" customHeight="1" x14ac:dyDescent="0.15">
      <c r="A49" s="148"/>
      <c r="B49" s="92"/>
      <c r="C49" s="92"/>
      <c r="D49" s="145"/>
      <c r="E49" s="268" t="s">
        <v>376</v>
      </c>
      <c r="F49" s="269"/>
      <c r="G49" s="269"/>
      <c r="H49" s="270"/>
      <c r="I49" s="474" t="s">
        <v>377</v>
      </c>
      <c r="J49" s="474"/>
      <c r="K49" s="474"/>
      <c r="L49" s="474"/>
      <c r="M49" s="138" t="s">
        <v>7</v>
      </c>
      <c r="N49" s="208" t="s">
        <v>378</v>
      </c>
      <c r="O49" s="208"/>
      <c r="P49" s="208"/>
      <c r="Q49" s="208"/>
      <c r="R49" s="221"/>
      <c r="S49" s="221"/>
      <c r="T49" s="221"/>
      <c r="U49" s="221"/>
      <c r="V49" s="221"/>
      <c r="W49" s="221"/>
      <c r="X49" s="221"/>
      <c r="Y49" s="221"/>
      <c r="Z49" s="221"/>
      <c r="AA49" s="221"/>
      <c r="AB49" s="221"/>
      <c r="AC49" s="114"/>
      <c r="AD49" s="114"/>
      <c r="AE49" s="114"/>
      <c r="AF49" s="114"/>
      <c r="AG49" s="99"/>
      <c r="AH49" s="138" t="s">
        <v>7</v>
      </c>
      <c r="AI49" s="98" t="s">
        <v>69</v>
      </c>
      <c r="AJ49" s="114"/>
      <c r="AK49" s="271"/>
      <c r="AL49" s="140"/>
      <c r="AM49" s="240"/>
      <c r="AN49" s="263"/>
      <c r="AO49" s="114"/>
      <c r="AP49" s="99"/>
    </row>
    <row r="50" spans="1:42" ht="15.95" customHeight="1" x14ac:dyDescent="0.15">
      <c r="A50" s="148"/>
      <c r="B50" s="92"/>
      <c r="C50" s="92"/>
      <c r="D50" s="145"/>
      <c r="E50" s="272" t="s">
        <v>379</v>
      </c>
      <c r="F50" s="232"/>
      <c r="G50" s="232"/>
      <c r="H50" s="233"/>
      <c r="I50" s="487"/>
      <c r="J50" s="487"/>
      <c r="K50" s="487"/>
      <c r="L50" s="487"/>
      <c r="M50" s="155"/>
      <c r="N50" s="151" t="s">
        <v>7</v>
      </c>
      <c r="O50" s="92" t="s">
        <v>380</v>
      </c>
      <c r="Q50" s="102" t="s">
        <v>25</v>
      </c>
      <c r="R50" s="497"/>
      <c r="S50" s="497"/>
      <c r="T50" s="497"/>
      <c r="U50" s="497"/>
      <c r="V50" s="497"/>
      <c r="W50" s="497"/>
      <c r="X50" s="497"/>
      <c r="Y50" s="102" t="s">
        <v>26</v>
      </c>
      <c r="Z50" s="124"/>
      <c r="AA50" s="124"/>
      <c r="AG50" s="104"/>
      <c r="AH50" s="151" t="s">
        <v>7</v>
      </c>
      <c r="AI50" s="92" t="s">
        <v>122</v>
      </c>
      <c r="AJ50" s="92"/>
      <c r="AK50" s="92"/>
      <c r="AL50" s="151"/>
      <c r="AM50" s="92"/>
      <c r="AN50" s="149"/>
      <c r="AP50" s="104"/>
    </row>
    <row r="51" spans="1:42" ht="15.95" customHeight="1" x14ac:dyDescent="0.15">
      <c r="A51" s="148"/>
      <c r="B51" s="92"/>
      <c r="C51" s="92"/>
      <c r="D51" s="145"/>
      <c r="E51" s="250"/>
      <c r="F51" s="232"/>
      <c r="G51" s="232"/>
      <c r="H51" s="233"/>
      <c r="I51" s="487"/>
      <c r="J51" s="487"/>
      <c r="K51" s="487"/>
      <c r="L51" s="487"/>
      <c r="M51" s="121"/>
      <c r="N51" s="151" t="s">
        <v>7</v>
      </c>
      <c r="O51" s="92" t="s">
        <v>381</v>
      </c>
      <c r="P51" s="103"/>
      <c r="Q51" s="102" t="s">
        <v>25</v>
      </c>
      <c r="R51" s="273"/>
      <c r="S51" s="273"/>
      <c r="T51" s="273"/>
      <c r="U51" s="273"/>
      <c r="V51" s="273"/>
      <c r="W51" s="273"/>
      <c r="X51" s="273"/>
      <c r="Y51" s="102" t="s">
        <v>26</v>
      </c>
      <c r="Z51" s="102"/>
      <c r="AA51" s="183"/>
      <c r="AG51" s="104"/>
      <c r="AH51" s="151" t="s">
        <v>7</v>
      </c>
      <c r="AI51" s="92"/>
      <c r="AJ51" s="92"/>
      <c r="AK51" s="182"/>
      <c r="AL51" s="92"/>
      <c r="AM51" s="92"/>
      <c r="AN51" s="149"/>
      <c r="AP51" s="104"/>
    </row>
    <row r="52" spans="1:42" ht="15.95" customHeight="1" x14ac:dyDescent="0.15">
      <c r="A52" s="148"/>
      <c r="B52" s="92"/>
      <c r="C52" s="92"/>
      <c r="D52" s="145"/>
      <c r="E52" s="250"/>
      <c r="F52" s="232"/>
      <c r="G52" s="232"/>
      <c r="H52" s="233"/>
      <c r="I52" s="487"/>
      <c r="J52" s="487"/>
      <c r="K52" s="487"/>
      <c r="L52" s="487"/>
      <c r="M52" s="121"/>
      <c r="N52" s="151"/>
      <c r="P52" s="103"/>
      <c r="Q52" s="102"/>
      <c r="R52" s="273"/>
      <c r="S52" s="273"/>
      <c r="T52" s="273"/>
      <c r="U52" s="273"/>
      <c r="V52" s="273"/>
      <c r="W52" s="273"/>
      <c r="X52" s="273"/>
      <c r="Y52" s="102"/>
      <c r="Z52" s="102"/>
      <c r="AA52" s="183"/>
      <c r="AG52" s="104"/>
      <c r="AH52" s="151"/>
      <c r="AI52" s="92"/>
      <c r="AJ52" s="92"/>
      <c r="AK52" s="182"/>
      <c r="AL52" s="102"/>
      <c r="AM52" s="102"/>
      <c r="AN52" s="149"/>
      <c r="AP52" s="104"/>
    </row>
    <row r="53" spans="1:42" ht="15.95" customHeight="1" x14ac:dyDescent="0.15">
      <c r="A53" s="148"/>
      <c r="B53" s="92"/>
      <c r="C53" s="92"/>
      <c r="D53" s="145"/>
      <c r="E53" s="250"/>
      <c r="F53" s="232"/>
      <c r="G53" s="232"/>
      <c r="H53" s="233"/>
      <c r="I53" s="487"/>
      <c r="J53" s="487"/>
      <c r="K53" s="487"/>
      <c r="L53" s="487"/>
      <c r="M53" s="146" t="s">
        <v>7</v>
      </c>
      <c r="N53" s="103" t="s">
        <v>382</v>
      </c>
      <c r="O53" s="103"/>
      <c r="P53" s="103"/>
      <c r="Q53" s="103"/>
      <c r="R53" s="103"/>
      <c r="S53" s="103"/>
      <c r="T53" s="103"/>
      <c r="U53" s="102"/>
      <c r="V53" s="103"/>
      <c r="W53" s="102"/>
      <c r="X53" s="102"/>
      <c r="Y53" s="103"/>
      <c r="Z53" s="102"/>
      <c r="AA53" s="102"/>
      <c r="AG53" s="104"/>
      <c r="AH53" s="124"/>
      <c r="AI53" s="92"/>
      <c r="AJ53" s="92"/>
      <c r="AK53" s="92"/>
      <c r="AL53" s="92"/>
      <c r="AM53" s="92"/>
      <c r="AN53" s="149"/>
      <c r="AP53" s="104"/>
    </row>
    <row r="54" spans="1:42" ht="15.95" customHeight="1" x14ac:dyDescent="0.15">
      <c r="A54" s="148"/>
      <c r="B54" s="92"/>
      <c r="C54" s="92"/>
      <c r="D54" s="145"/>
      <c r="E54" s="250"/>
      <c r="F54" s="232"/>
      <c r="G54" s="232"/>
      <c r="H54" s="233"/>
      <c r="I54" s="487"/>
      <c r="J54" s="487"/>
      <c r="K54" s="487"/>
      <c r="L54" s="487"/>
      <c r="M54" s="146" t="s">
        <v>7</v>
      </c>
      <c r="N54" s="103" t="s">
        <v>336</v>
      </c>
      <c r="O54" s="103"/>
      <c r="P54" s="175" t="s">
        <v>383</v>
      </c>
      <c r="Q54" s="151" t="s">
        <v>7</v>
      </c>
      <c r="R54" s="102" t="s">
        <v>384</v>
      </c>
      <c r="S54" s="103" t="s">
        <v>25</v>
      </c>
      <c r="T54" s="102"/>
      <c r="U54" s="102"/>
      <c r="V54" s="102"/>
      <c r="W54" s="102" t="s">
        <v>26</v>
      </c>
      <c r="X54" s="151" t="s">
        <v>7</v>
      </c>
      <c r="Y54" s="103" t="s">
        <v>385</v>
      </c>
      <c r="Z54" s="102"/>
      <c r="AA54" s="108"/>
      <c r="AB54" s="108"/>
      <c r="AC54" s="108"/>
      <c r="AD54" s="91" t="s">
        <v>386</v>
      </c>
      <c r="AG54" s="104"/>
      <c r="AH54" s="102"/>
      <c r="AI54" s="92"/>
      <c r="AJ54" s="182"/>
      <c r="AK54" s="182"/>
      <c r="AL54" s="151"/>
      <c r="AM54" s="103"/>
      <c r="AN54" s="149"/>
      <c r="AP54" s="104"/>
    </row>
    <row r="55" spans="1:42" ht="15.95" customHeight="1" x14ac:dyDescent="0.15">
      <c r="A55" s="148"/>
      <c r="B55" s="92"/>
      <c r="C55" s="92"/>
      <c r="D55" s="145"/>
      <c r="E55" s="250"/>
      <c r="F55" s="232"/>
      <c r="G55" s="232"/>
      <c r="H55" s="233"/>
      <c r="I55" s="487"/>
      <c r="J55" s="487"/>
      <c r="K55" s="487"/>
      <c r="L55" s="487"/>
      <c r="M55" s="155"/>
      <c r="N55" s="102" t="s">
        <v>66</v>
      </c>
      <c r="O55" s="103" t="s">
        <v>387</v>
      </c>
      <c r="P55" s="103"/>
      <c r="Q55" s="103"/>
      <c r="R55" s="103"/>
      <c r="S55" s="103" t="s">
        <v>25</v>
      </c>
      <c r="T55" s="431"/>
      <c r="U55" s="431"/>
      <c r="V55" s="431"/>
      <c r="W55" s="431"/>
      <c r="X55" s="431"/>
      <c r="Y55" s="431"/>
      <c r="Z55" s="431"/>
      <c r="AA55" s="431"/>
      <c r="AB55" s="431"/>
      <c r="AC55" s="91" t="s">
        <v>26</v>
      </c>
      <c r="AG55" s="104"/>
      <c r="AH55" s="102"/>
      <c r="AI55" s="102"/>
      <c r="AN55" s="149"/>
      <c r="AP55" s="104"/>
    </row>
    <row r="56" spans="1:42" ht="15.75" customHeight="1" x14ac:dyDescent="0.15">
      <c r="A56" s="148"/>
      <c r="B56" s="92"/>
      <c r="C56" s="92"/>
      <c r="D56" s="145"/>
      <c r="E56" s="250"/>
      <c r="F56" s="232"/>
      <c r="G56" s="232"/>
      <c r="H56" s="233"/>
      <c r="I56" s="487"/>
      <c r="J56" s="487"/>
      <c r="K56" s="487"/>
      <c r="L56" s="487"/>
      <c r="M56" s="146" t="s">
        <v>7</v>
      </c>
      <c r="N56" s="103" t="s">
        <v>388</v>
      </c>
      <c r="O56" s="103"/>
      <c r="P56" s="175" t="s">
        <v>383</v>
      </c>
      <c r="Q56" s="151" t="s">
        <v>7</v>
      </c>
      <c r="R56" s="102" t="s">
        <v>384</v>
      </c>
      <c r="S56" s="103" t="s">
        <v>25</v>
      </c>
      <c r="T56" s="431"/>
      <c r="U56" s="431"/>
      <c r="V56" s="431"/>
      <c r="W56" s="102" t="s">
        <v>26</v>
      </c>
      <c r="X56" s="151" t="s">
        <v>7</v>
      </c>
      <c r="Y56" s="103" t="s">
        <v>385</v>
      </c>
      <c r="Z56" s="102"/>
      <c r="AA56" s="108"/>
      <c r="AB56" s="108"/>
      <c r="AC56" s="108"/>
      <c r="AD56" s="91" t="s">
        <v>386</v>
      </c>
      <c r="AG56" s="104"/>
      <c r="AH56" s="102"/>
      <c r="AI56" s="102"/>
      <c r="AN56" s="149"/>
      <c r="AP56" s="104"/>
    </row>
    <row r="57" spans="1:42" ht="15.95" customHeight="1" x14ac:dyDescent="0.15">
      <c r="A57" s="148"/>
      <c r="B57" s="92"/>
      <c r="C57" s="92"/>
      <c r="D57" s="145"/>
      <c r="E57" s="275"/>
      <c r="F57" s="276"/>
      <c r="G57" s="276"/>
      <c r="H57" s="277"/>
      <c r="I57" s="532"/>
      <c r="J57" s="532"/>
      <c r="K57" s="532"/>
      <c r="L57" s="532"/>
      <c r="M57" s="212"/>
      <c r="N57" s="96" t="s">
        <v>66</v>
      </c>
      <c r="O57" s="97" t="s">
        <v>387</v>
      </c>
      <c r="P57" s="97"/>
      <c r="Q57" s="97"/>
      <c r="R57" s="97"/>
      <c r="S57" s="97" t="s">
        <v>25</v>
      </c>
      <c r="T57" s="456"/>
      <c r="U57" s="456"/>
      <c r="V57" s="456"/>
      <c r="W57" s="456"/>
      <c r="X57" s="456"/>
      <c r="Y57" s="456"/>
      <c r="Z57" s="456"/>
      <c r="AA57" s="456"/>
      <c r="AB57" s="456"/>
      <c r="AC57" s="116" t="s">
        <v>26</v>
      </c>
      <c r="AD57" s="116"/>
      <c r="AE57" s="116"/>
      <c r="AF57" s="116"/>
      <c r="AG57" s="106"/>
      <c r="AH57" s="105"/>
      <c r="AI57" s="96"/>
      <c r="AJ57" s="116"/>
      <c r="AK57" s="116"/>
      <c r="AL57" s="116"/>
      <c r="AM57" s="116"/>
      <c r="AN57" s="219"/>
      <c r="AO57" s="116"/>
      <c r="AP57" s="106"/>
    </row>
    <row r="58" spans="1:42" ht="15.95" customHeight="1" x14ac:dyDescent="0.15">
      <c r="A58" s="148"/>
      <c r="B58" s="92"/>
      <c r="C58" s="92"/>
      <c r="D58" s="145"/>
      <c r="E58" s="437" t="s">
        <v>175</v>
      </c>
      <c r="F58" s="438"/>
      <c r="G58" s="438"/>
      <c r="H58" s="439"/>
      <c r="I58" s="437" t="s">
        <v>176</v>
      </c>
      <c r="J58" s="438"/>
      <c r="K58" s="438"/>
      <c r="L58" s="439"/>
      <c r="M58" s="138" t="s">
        <v>7</v>
      </c>
      <c r="N58" s="98" t="s">
        <v>389</v>
      </c>
      <c r="O58" s="208"/>
      <c r="P58" s="98"/>
      <c r="Q58" s="206"/>
      <c r="R58" s="98"/>
      <c r="S58" s="98"/>
      <c r="T58" s="208"/>
      <c r="U58" s="206"/>
      <c r="V58" s="208"/>
      <c r="W58" s="206"/>
      <c r="X58" s="140"/>
      <c r="Y58" s="206"/>
      <c r="Z58" s="206"/>
      <c r="AA58" s="140"/>
      <c r="AB58" s="206"/>
      <c r="AC58" s="206"/>
      <c r="AD58" s="206"/>
      <c r="AE58" s="206"/>
      <c r="AF58" s="206"/>
      <c r="AG58" s="142"/>
      <c r="AH58" s="141"/>
      <c r="AI58" s="98"/>
      <c r="AJ58" s="98"/>
      <c r="AK58" s="98"/>
      <c r="AL58" s="98"/>
      <c r="AM58" s="98"/>
      <c r="AN58" s="141"/>
      <c r="AO58" s="98"/>
      <c r="AP58" s="142"/>
    </row>
    <row r="59" spans="1:42" ht="15.95" customHeight="1" x14ac:dyDescent="0.15">
      <c r="A59" s="148"/>
      <c r="B59" s="92"/>
      <c r="C59" s="92"/>
      <c r="D59" s="145"/>
      <c r="E59" s="169"/>
      <c r="F59" s="105"/>
      <c r="G59" s="105"/>
      <c r="H59" s="170"/>
      <c r="I59" s="461" t="s">
        <v>178</v>
      </c>
      <c r="J59" s="462"/>
      <c r="K59" s="462"/>
      <c r="L59" s="463"/>
      <c r="M59" s="167" t="s">
        <v>7</v>
      </c>
      <c r="N59" s="319" t="s">
        <v>390</v>
      </c>
      <c r="O59" s="97"/>
      <c r="P59" s="105"/>
      <c r="Q59" s="96"/>
      <c r="R59" s="105"/>
      <c r="S59" s="105"/>
      <c r="T59" s="97"/>
      <c r="U59" s="96"/>
      <c r="V59" s="97"/>
      <c r="W59" s="96"/>
      <c r="X59" s="126"/>
      <c r="Y59" s="96"/>
      <c r="Z59" s="96"/>
      <c r="AA59" s="126"/>
      <c r="AB59" s="96"/>
      <c r="AC59" s="96"/>
      <c r="AD59" s="96"/>
      <c r="AE59" s="96"/>
      <c r="AF59" s="96"/>
      <c r="AG59" s="170"/>
      <c r="AH59" s="169"/>
      <c r="AI59" s="105"/>
      <c r="AJ59" s="105"/>
      <c r="AK59" s="105"/>
      <c r="AL59" s="105"/>
      <c r="AM59" s="105"/>
      <c r="AN59" s="169"/>
      <c r="AO59" s="105"/>
      <c r="AP59" s="170"/>
    </row>
    <row r="60" spans="1:42" ht="15.95" customHeight="1" x14ac:dyDescent="0.15">
      <c r="A60" s="507"/>
      <c r="B60" s="508"/>
      <c r="C60" s="508"/>
      <c r="D60" s="509"/>
      <c r="E60" s="600" t="s">
        <v>391</v>
      </c>
      <c r="F60" s="601"/>
      <c r="G60" s="601"/>
      <c r="H60" s="602"/>
      <c r="I60" s="517" t="s">
        <v>392</v>
      </c>
      <c r="J60" s="518"/>
      <c r="K60" s="518"/>
      <c r="L60" s="519"/>
      <c r="M60" s="141" t="s">
        <v>393</v>
      </c>
      <c r="N60" s="98"/>
      <c r="O60" s="98"/>
      <c r="P60" s="98"/>
      <c r="Q60" s="98"/>
      <c r="R60" s="98"/>
      <c r="S60" s="98"/>
      <c r="T60" s="98"/>
      <c r="U60" s="98"/>
      <c r="V60" s="98"/>
      <c r="W60" s="98"/>
      <c r="X60" s="98"/>
      <c r="Y60" s="98"/>
      <c r="Z60" s="98"/>
      <c r="AA60" s="98"/>
      <c r="AB60" s="98"/>
      <c r="AC60" s="98"/>
      <c r="AD60" s="98"/>
      <c r="AE60" s="98"/>
      <c r="AF60" s="98"/>
      <c r="AG60" s="142"/>
      <c r="AH60" s="138" t="s">
        <v>7</v>
      </c>
      <c r="AI60" s="98" t="s">
        <v>69</v>
      </c>
      <c r="AJ60" s="98"/>
      <c r="AK60" s="98"/>
      <c r="AL60" s="114"/>
      <c r="AM60" s="98"/>
      <c r="AN60" s="263"/>
      <c r="AO60" s="114"/>
      <c r="AP60" s="99"/>
    </row>
    <row r="61" spans="1:42" ht="15.95" customHeight="1" x14ac:dyDescent="0.15">
      <c r="A61" s="507"/>
      <c r="B61" s="508"/>
      <c r="C61" s="508"/>
      <c r="D61" s="509"/>
      <c r="E61" s="537"/>
      <c r="F61" s="538"/>
      <c r="G61" s="538"/>
      <c r="H61" s="539"/>
      <c r="I61" s="520"/>
      <c r="J61" s="521"/>
      <c r="K61" s="521"/>
      <c r="L61" s="522"/>
      <c r="M61" s="92"/>
      <c r="N61" s="92" t="s">
        <v>25</v>
      </c>
      <c r="O61" s="431"/>
      <c r="P61" s="431"/>
      <c r="Q61" s="431"/>
      <c r="R61" s="431"/>
      <c r="S61" s="431"/>
      <c r="T61" s="175" t="s">
        <v>112</v>
      </c>
      <c r="U61" s="92" t="s">
        <v>358</v>
      </c>
      <c r="V61" s="92"/>
      <c r="W61" s="92"/>
      <c r="X61" s="92"/>
      <c r="Y61" s="92"/>
      <c r="Z61" s="92"/>
      <c r="AA61" s="92"/>
      <c r="AB61" s="92"/>
      <c r="AC61" s="92"/>
      <c r="AD61" s="92"/>
      <c r="AE61" s="92"/>
      <c r="AF61" s="92"/>
      <c r="AG61" s="145"/>
      <c r="AH61" s="146" t="s">
        <v>7</v>
      </c>
      <c r="AI61" s="92" t="s">
        <v>363</v>
      </c>
      <c r="AJ61" s="92"/>
      <c r="AK61" s="92"/>
      <c r="AM61" s="92"/>
      <c r="AN61" s="149"/>
      <c r="AP61" s="104"/>
    </row>
    <row r="62" spans="1:42" ht="15.95" customHeight="1" x14ac:dyDescent="0.15">
      <c r="A62" s="148"/>
      <c r="B62" s="92"/>
      <c r="C62" s="92"/>
      <c r="D62" s="145"/>
      <c r="E62" s="537"/>
      <c r="F62" s="538"/>
      <c r="G62" s="538"/>
      <c r="H62" s="539"/>
      <c r="I62" s="520"/>
      <c r="J62" s="521"/>
      <c r="K62" s="521"/>
      <c r="L62" s="522"/>
      <c r="M62" s="92" t="s">
        <v>394</v>
      </c>
      <c r="N62" s="92"/>
      <c r="O62" s="92"/>
      <c r="P62" s="92"/>
      <c r="Q62" s="92"/>
      <c r="R62" s="92"/>
      <c r="S62" s="92"/>
      <c r="T62" s="92"/>
      <c r="U62" s="92"/>
      <c r="V62" s="92"/>
      <c r="W62" s="92"/>
      <c r="X62" s="92"/>
      <c r="Y62" s="92"/>
      <c r="Z62" s="92"/>
      <c r="AA62" s="92"/>
      <c r="AB62" s="92"/>
      <c r="AC62" s="92"/>
      <c r="AD62" s="92"/>
      <c r="AE62" s="92"/>
      <c r="AF62" s="92"/>
      <c r="AG62" s="145"/>
      <c r="AH62" s="146" t="s">
        <v>7</v>
      </c>
      <c r="AI62" s="92" t="s">
        <v>395</v>
      </c>
      <c r="AJ62" s="92"/>
      <c r="AK62" s="182"/>
      <c r="AL62" s="182"/>
      <c r="AN62" s="149"/>
      <c r="AP62" s="104"/>
    </row>
    <row r="63" spans="1:42" ht="15.95" customHeight="1" x14ac:dyDescent="0.15">
      <c r="A63" s="148"/>
      <c r="B63" s="92"/>
      <c r="C63" s="92"/>
      <c r="D63" s="145"/>
      <c r="E63" s="537"/>
      <c r="F63" s="538"/>
      <c r="G63" s="538"/>
      <c r="H63" s="539"/>
      <c r="I63" s="520"/>
      <c r="J63" s="521"/>
      <c r="K63" s="521"/>
      <c r="L63" s="522"/>
      <c r="M63" s="92"/>
      <c r="N63" s="92" t="s">
        <v>25</v>
      </c>
      <c r="O63" s="431"/>
      <c r="P63" s="431"/>
      <c r="Q63" s="431"/>
      <c r="R63" s="431"/>
      <c r="S63" s="431"/>
      <c r="T63" s="175" t="s">
        <v>112</v>
      </c>
      <c r="U63" s="92" t="s">
        <v>396</v>
      </c>
      <c r="V63" s="92"/>
      <c r="W63" s="92"/>
      <c r="X63" s="92"/>
      <c r="Y63" s="92"/>
      <c r="Z63" s="92"/>
      <c r="AA63" s="92"/>
      <c r="AB63" s="92"/>
      <c r="AC63" s="92"/>
      <c r="AD63" s="92"/>
      <c r="AE63" s="92"/>
      <c r="AF63" s="92"/>
      <c r="AG63" s="145"/>
      <c r="AH63" s="146" t="s">
        <v>7</v>
      </c>
      <c r="AI63" s="156"/>
      <c r="AJ63" s="92"/>
      <c r="AK63" s="92"/>
      <c r="AL63" s="92"/>
      <c r="AM63" s="92"/>
      <c r="AN63" s="149"/>
      <c r="AP63" s="104"/>
    </row>
    <row r="64" spans="1:42" ht="15.95" customHeight="1" x14ac:dyDescent="0.15">
      <c r="A64" s="148"/>
      <c r="B64" s="92"/>
      <c r="C64" s="92"/>
      <c r="D64" s="145"/>
      <c r="E64" s="537"/>
      <c r="F64" s="538"/>
      <c r="G64" s="538"/>
      <c r="H64" s="539"/>
      <c r="I64" s="520"/>
      <c r="J64" s="521"/>
      <c r="K64" s="521"/>
      <c r="L64" s="522"/>
      <c r="M64" s="92" t="s">
        <v>397</v>
      </c>
      <c r="N64" s="92"/>
      <c r="O64" s="92"/>
      <c r="P64" s="92"/>
      <c r="Q64" s="92"/>
      <c r="R64" s="92"/>
      <c r="S64" s="92"/>
      <c r="T64" s="92"/>
      <c r="U64" s="92"/>
      <c r="V64" s="92"/>
      <c r="W64" s="92"/>
      <c r="X64" s="92"/>
      <c r="Y64" s="92"/>
      <c r="Z64" s="92"/>
      <c r="AA64" s="92"/>
      <c r="AB64" s="92"/>
      <c r="AC64" s="92"/>
      <c r="AD64" s="92"/>
      <c r="AE64" s="92"/>
      <c r="AF64" s="92"/>
      <c r="AG64" s="145"/>
      <c r="AH64" s="155"/>
      <c r="AI64" s="92"/>
      <c r="AJ64" s="182"/>
      <c r="AK64" s="182"/>
      <c r="AL64" s="92"/>
      <c r="AM64" s="92"/>
      <c r="AN64" s="149"/>
      <c r="AP64" s="104"/>
    </row>
    <row r="65" spans="1:42" ht="15.95" customHeight="1" x14ac:dyDescent="0.15">
      <c r="A65" s="148"/>
      <c r="B65" s="92"/>
      <c r="C65" s="92"/>
      <c r="D65" s="145"/>
      <c r="E65" s="537"/>
      <c r="F65" s="538"/>
      <c r="G65" s="538"/>
      <c r="H65" s="539"/>
      <c r="I65" s="618"/>
      <c r="J65" s="619"/>
      <c r="K65" s="619"/>
      <c r="L65" s="620"/>
      <c r="M65" s="105"/>
      <c r="N65" s="105" t="s">
        <v>25</v>
      </c>
      <c r="O65" s="456"/>
      <c r="P65" s="456"/>
      <c r="Q65" s="456"/>
      <c r="R65" s="456"/>
      <c r="S65" s="456"/>
      <c r="T65" s="253" t="s">
        <v>112</v>
      </c>
      <c r="U65" s="105" t="s">
        <v>396</v>
      </c>
      <c r="V65" s="105"/>
      <c r="W65" s="105"/>
      <c r="X65" s="105"/>
      <c r="Y65" s="105"/>
      <c r="Z65" s="105"/>
      <c r="AA65" s="105"/>
      <c r="AB65" s="105"/>
      <c r="AC65" s="105"/>
      <c r="AD65" s="105"/>
      <c r="AE65" s="105"/>
      <c r="AF65" s="105"/>
      <c r="AG65" s="170"/>
      <c r="AH65" s="148"/>
      <c r="AI65" s="92"/>
      <c r="AJ65" s="92"/>
      <c r="AK65" s="92"/>
      <c r="AL65" s="92"/>
      <c r="AM65" s="92"/>
      <c r="AN65" s="149"/>
      <c r="AP65" s="104"/>
    </row>
    <row r="66" spans="1:42" ht="15.95" customHeight="1" x14ac:dyDescent="0.15">
      <c r="A66" s="148"/>
      <c r="B66" s="92"/>
      <c r="C66" s="92"/>
      <c r="D66" s="145"/>
      <c r="E66" s="537"/>
      <c r="F66" s="538"/>
      <c r="G66" s="538"/>
      <c r="H66" s="539"/>
      <c r="I66" s="517" t="s">
        <v>398</v>
      </c>
      <c r="J66" s="518"/>
      <c r="K66" s="518"/>
      <c r="L66" s="519"/>
      <c r="M66" s="92" t="s">
        <v>399</v>
      </c>
      <c r="N66" s="92"/>
      <c r="O66" s="92"/>
      <c r="P66" s="92"/>
      <c r="Q66" s="92"/>
      <c r="R66" s="92"/>
      <c r="S66" s="92"/>
      <c r="T66" s="102" t="s">
        <v>25</v>
      </c>
      <c r="U66" s="453"/>
      <c r="V66" s="453"/>
      <c r="W66" s="453"/>
      <c r="X66" s="453"/>
      <c r="Y66" s="92" t="s">
        <v>26</v>
      </c>
      <c r="Z66" s="92" t="s">
        <v>400</v>
      </c>
      <c r="AA66" s="92"/>
      <c r="AB66" s="92"/>
      <c r="AC66" s="92"/>
      <c r="AD66" s="92"/>
      <c r="AE66" s="92"/>
      <c r="AF66" s="92"/>
      <c r="AG66" s="142"/>
      <c r="AH66" s="92"/>
      <c r="AI66" s="92"/>
      <c r="AJ66" s="92"/>
      <c r="AK66" s="92"/>
      <c r="AL66" s="92"/>
      <c r="AM66" s="92"/>
      <c r="AN66" s="149"/>
      <c r="AP66" s="104"/>
    </row>
    <row r="67" spans="1:42" ht="15.95" customHeight="1" x14ac:dyDescent="0.15">
      <c r="A67" s="148"/>
      <c r="B67" s="92"/>
      <c r="C67" s="92"/>
      <c r="D67" s="145"/>
      <c r="E67" s="537"/>
      <c r="F67" s="538"/>
      <c r="G67" s="538"/>
      <c r="H67" s="539"/>
      <c r="I67" s="520"/>
      <c r="J67" s="521"/>
      <c r="K67" s="521"/>
      <c r="L67" s="522"/>
      <c r="M67" s="92" t="s">
        <v>401</v>
      </c>
      <c r="N67" s="92"/>
      <c r="O67" s="92"/>
      <c r="P67" s="92"/>
      <c r="Q67" s="92"/>
      <c r="R67" s="92"/>
      <c r="S67" s="92"/>
      <c r="T67" s="102" t="s">
        <v>25</v>
      </c>
      <c r="U67" s="431"/>
      <c r="V67" s="431"/>
      <c r="W67" s="431"/>
      <c r="X67" s="431"/>
      <c r="Y67" s="92" t="s">
        <v>26</v>
      </c>
      <c r="Z67" s="92" t="s">
        <v>400</v>
      </c>
      <c r="AA67" s="92"/>
      <c r="AB67" s="92"/>
      <c r="AC67" s="92"/>
      <c r="AD67" s="92"/>
      <c r="AE67" s="92"/>
      <c r="AF67" s="92"/>
      <c r="AG67" s="145"/>
      <c r="AH67" s="92"/>
      <c r="AI67" s="92"/>
      <c r="AJ67" s="92"/>
      <c r="AK67" s="92"/>
      <c r="AL67" s="92"/>
      <c r="AM67" s="92"/>
      <c r="AN67" s="149"/>
      <c r="AP67" s="104"/>
    </row>
    <row r="68" spans="1:42" ht="15.95" customHeight="1" x14ac:dyDescent="0.15">
      <c r="A68" s="148"/>
      <c r="B68" s="92"/>
      <c r="C68" s="92"/>
      <c r="D68" s="145"/>
      <c r="E68" s="537"/>
      <c r="F68" s="538"/>
      <c r="G68" s="538"/>
      <c r="H68" s="539"/>
      <c r="I68" s="618"/>
      <c r="J68" s="619"/>
      <c r="K68" s="619"/>
      <c r="L68" s="620"/>
      <c r="M68" s="169" t="s">
        <v>402</v>
      </c>
      <c r="N68" s="105"/>
      <c r="O68" s="105"/>
      <c r="P68" s="105"/>
      <c r="Q68" s="105"/>
      <c r="R68" s="105"/>
      <c r="S68" s="105"/>
      <c r="T68" s="96" t="s">
        <v>25</v>
      </c>
      <c r="U68" s="456"/>
      <c r="V68" s="456"/>
      <c r="W68" s="456"/>
      <c r="X68" s="456"/>
      <c r="Y68" s="105" t="s">
        <v>26</v>
      </c>
      <c r="Z68" s="105" t="s">
        <v>400</v>
      </c>
      <c r="AA68" s="105"/>
      <c r="AB68" s="105"/>
      <c r="AC68" s="105"/>
      <c r="AD68" s="105"/>
      <c r="AE68" s="105"/>
      <c r="AF68" s="105"/>
      <c r="AG68" s="170"/>
      <c r="AH68" s="92"/>
      <c r="AI68" s="92"/>
      <c r="AJ68" s="92"/>
      <c r="AK68" s="92"/>
      <c r="AL68" s="92"/>
      <c r="AM68" s="92"/>
      <c r="AN68" s="149"/>
      <c r="AP68" s="104"/>
    </row>
    <row r="69" spans="1:42" ht="15.95" customHeight="1" x14ac:dyDescent="0.15">
      <c r="A69" s="148"/>
      <c r="B69" s="92"/>
      <c r="C69" s="92"/>
      <c r="D69" s="145"/>
      <c r="E69" s="537"/>
      <c r="F69" s="538"/>
      <c r="G69" s="538"/>
      <c r="H69" s="539"/>
      <c r="I69" s="473" t="s">
        <v>403</v>
      </c>
      <c r="J69" s="438"/>
      <c r="K69" s="438"/>
      <c r="L69" s="439"/>
      <c r="M69" s="151" t="s">
        <v>7</v>
      </c>
      <c r="N69" s="92" t="s">
        <v>404</v>
      </c>
      <c r="O69" s="92"/>
      <c r="P69" s="92"/>
      <c r="Q69" s="92"/>
      <c r="R69" s="92"/>
      <c r="S69" s="92"/>
      <c r="T69" s="92"/>
      <c r="U69" s="92"/>
      <c r="V69" s="92"/>
      <c r="W69" s="92"/>
      <c r="X69" s="92"/>
      <c r="Y69" s="92"/>
      <c r="Z69" s="92"/>
      <c r="AA69" s="92"/>
      <c r="AB69" s="92"/>
      <c r="AC69" s="92"/>
      <c r="AD69" s="92"/>
      <c r="AE69" s="92"/>
      <c r="AF69" s="92"/>
      <c r="AG69" s="142"/>
      <c r="AH69" s="148"/>
      <c r="AI69" s="92"/>
      <c r="AJ69" s="92"/>
      <c r="AK69" s="92"/>
      <c r="AL69" s="92"/>
      <c r="AM69" s="92"/>
      <c r="AN69" s="149"/>
      <c r="AP69" s="104"/>
    </row>
    <row r="70" spans="1:42" ht="15.95" customHeight="1" x14ac:dyDescent="0.15">
      <c r="A70" s="148"/>
      <c r="B70" s="92"/>
      <c r="C70" s="92"/>
      <c r="D70" s="145"/>
      <c r="E70" s="537"/>
      <c r="F70" s="538"/>
      <c r="G70" s="538"/>
      <c r="H70" s="539"/>
      <c r="I70" s="461"/>
      <c r="J70" s="462"/>
      <c r="K70" s="462"/>
      <c r="L70" s="463"/>
      <c r="M70" s="105"/>
      <c r="N70" s="105"/>
      <c r="O70" s="105"/>
      <c r="P70" s="105"/>
      <c r="Q70" s="105"/>
      <c r="R70" s="105"/>
      <c r="S70" s="105"/>
      <c r="T70" s="105"/>
      <c r="U70" s="105"/>
      <c r="V70" s="105"/>
      <c r="W70" s="105"/>
      <c r="X70" s="105"/>
      <c r="Y70" s="105"/>
      <c r="Z70" s="105"/>
      <c r="AA70" s="105"/>
      <c r="AB70" s="105"/>
      <c r="AC70" s="105"/>
      <c r="AD70" s="105"/>
      <c r="AE70" s="105"/>
      <c r="AF70" s="105"/>
      <c r="AG70" s="170"/>
      <c r="AH70" s="148"/>
      <c r="AI70" s="92"/>
      <c r="AJ70" s="92"/>
      <c r="AK70" s="92"/>
      <c r="AL70" s="92"/>
      <c r="AM70" s="92"/>
      <c r="AN70" s="149"/>
      <c r="AP70" s="104"/>
    </row>
    <row r="71" spans="1:42" ht="15.95" customHeight="1" x14ac:dyDescent="0.15">
      <c r="A71" s="148"/>
      <c r="B71" s="92"/>
      <c r="C71" s="92"/>
      <c r="D71" s="145"/>
      <c r="E71" s="537"/>
      <c r="F71" s="538"/>
      <c r="G71" s="538"/>
      <c r="H71" s="539"/>
      <c r="I71" s="437" t="s">
        <v>405</v>
      </c>
      <c r="J71" s="438"/>
      <c r="K71" s="438"/>
      <c r="L71" s="439"/>
      <c r="M71" s="151" t="s">
        <v>7</v>
      </c>
      <c r="N71" s="92" t="s">
        <v>406</v>
      </c>
      <c r="O71" s="92"/>
      <c r="P71" s="92"/>
      <c r="Q71" s="92"/>
      <c r="R71" s="92"/>
      <c r="S71" s="92"/>
      <c r="T71" s="92"/>
      <c r="U71" s="92"/>
      <c r="V71" s="92"/>
      <c r="W71" s="92"/>
      <c r="X71" s="92"/>
      <c r="Y71" s="92"/>
      <c r="Z71" s="92"/>
      <c r="AA71" s="92"/>
      <c r="AB71" s="92"/>
      <c r="AC71" s="92"/>
      <c r="AD71" s="92"/>
      <c r="AE71" s="92"/>
      <c r="AF71" s="92"/>
      <c r="AG71" s="142"/>
      <c r="AH71" s="92"/>
      <c r="AI71" s="92"/>
      <c r="AJ71" s="92"/>
      <c r="AK71" s="92"/>
      <c r="AL71" s="92"/>
      <c r="AM71" s="92"/>
      <c r="AN71" s="149"/>
      <c r="AP71" s="104"/>
    </row>
    <row r="72" spans="1:42" ht="15.95" customHeight="1" x14ac:dyDescent="0.15">
      <c r="A72" s="148"/>
      <c r="B72" s="92"/>
      <c r="C72" s="92"/>
      <c r="D72" s="145"/>
      <c r="E72" s="537"/>
      <c r="F72" s="538"/>
      <c r="G72" s="538"/>
      <c r="H72" s="539"/>
      <c r="I72" s="449"/>
      <c r="J72" s="450"/>
      <c r="K72" s="450"/>
      <c r="L72" s="451"/>
      <c r="M72" s="92"/>
      <c r="N72" s="92" t="s">
        <v>407</v>
      </c>
      <c r="O72" s="92"/>
      <c r="P72" s="92"/>
      <c r="Q72" s="92" t="s">
        <v>25</v>
      </c>
      <c r="R72" s="431"/>
      <c r="S72" s="431"/>
      <c r="T72" s="431"/>
      <c r="U72" s="92" t="s">
        <v>26</v>
      </c>
      <c r="V72" s="92" t="s">
        <v>408</v>
      </c>
      <c r="W72" s="92"/>
      <c r="X72" s="92"/>
      <c r="Y72" s="92"/>
      <c r="Z72" s="92"/>
      <c r="AA72" s="92"/>
      <c r="AB72" s="92"/>
      <c r="AC72" s="92"/>
      <c r="AD72" s="92"/>
      <c r="AE72" s="92"/>
      <c r="AF72" s="92"/>
      <c r="AG72" s="145"/>
      <c r="AH72" s="92"/>
      <c r="AI72" s="92"/>
      <c r="AJ72" s="92"/>
      <c r="AK72" s="92"/>
      <c r="AL72" s="92"/>
      <c r="AM72" s="92"/>
      <c r="AN72" s="149"/>
      <c r="AP72" s="104"/>
    </row>
    <row r="73" spans="1:42" ht="15.95" customHeight="1" x14ac:dyDescent="0.15">
      <c r="A73" s="148"/>
      <c r="B73" s="92"/>
      <c r="C73" s="92"/>
      <c r="D73" s="145"/>
      <c r="E73" s="537"/>
      <c r="F73" s="538"/>
      <c r="G73" s="538"/>
      <c r="H73" s="539"/>
      <c r="I73" s="461"/>
      <c r="J73" s="462"/>
      <c r="K73" s="462"/>
      <c r="L73" s="463"/>
      <c r="M73" s="105"/>
      <c r="N73" s="105" t="s">
        <v>409</v>
      </c>
      <c r="O73" s="105"/>
      <c r="P73" s="105"/>
      <c r="Q73" s="105" t="s">
        <v>25</v>
      </c>
      <c r="R73" s="456"/>
      <c r="S73" s="456"/>
      <c r="T73" s="456"/>
      <c r="U73" s="105" t="s">
        <v>26</v>
      </c>
      <c r="V73" s="105" t="s">
        <v>408</v>
      </c>
      <c r="W73" s="105"/>
      <c r="X73" s="105"/>
      <c r="Y73" s="105"/>
      <c r="Z73" s="105"/>
      <c r="AA73" s="105"/>
      <c r="AB73" s="105"/>
      <c r="AC73" s="105"/>
      <c r="AD73" s="105"/>
      <c r="AE73" s="105"/>
      <c r="AF73" s="105"/>
      <c r="AG73" s="170"/>
      <c r="AH73" s="148"/>
      <c r="AI73" s="92"/>
      <c r="AJ73" s="92"/>
      <c r="AK73" s="92"/>
      <c r="AL73" s="92"/>
      <c r="AM73" s="92"/>
      <c r="AN73" s="149"/>
      <c r="AP73" s="104"/>
    </row>
    <row r="74" spans="1:42" ht="15.95" customHeight="1" x14ac:dyDescent="0.15">
      <c r="A74" s="148"/>
      <c r="B74" s="92"/>
      <c r="C74" s="92"/>
      <c r="D74" s="145"/>
      <c r="E74" s="537"/>
      <c r="F74" s="538"/>
      <c r="G74" s="538"/>
      <c r="H74" s="539"/>
      <c r="I74" s="464" t="s">
        <v>410</v>
      </c>
      <c r="J74" s="465"/>
      <c r="K74" s="465"/>
      <c r="L74" s="466"/>
      <c r="M74" s="278" t="s">
        <v>7</v>
      </c>
      <c r="N74" s="94" t="s">
        <v>411</v>
      </c>
      <c r="O74" s="94"/>
      <c r="P74" s="94"/>
      <c r="Q74" s="94"/>
      <c r="R74" s="94"/>
      <c r="S74" s="94"/>
      <c r="T74" s="94"/>
      <c r="U74" s="94"/>
      <c r="V74" s="94"/>
      <c r="W74" s="94"/>
      <c r="X74" s="94"/>
      <c r="Y74" s="94"/>
      <c r="Z74" s="94"/>
      <c r="AA74" s="94"/>
      <c r="AB74" s="94"/>
      <c r="AC74" s="94"/>
      <c r="AD74" s="94"/>
      <c r="AE74" s="94"/>
      <c r="AF74" s="94"/>
      <c r="AG74" s="279"/>
      <c r="AH74" s="105"/>
      <c r="AI74" s="105"/>
      <c r="AJ74" s="105"/>
      <c r="AK74" s="105"/>
      <c r="AL74" s="105"/>
      <c r="AM74" s="105"/>
      <c r="AN74" s="219"/>
      <c r="AO74" s="116"/>
      <c r="AP74" s="106"/>
    </row>
    <row r="75" spans="1:42" ht="15.95" customHeight="1" x14ac:dyDescent="0.15">
      <c r="A75" s="148"/>
      <c r="B75" s="92"/>
      <c r="C75" s="92"/>
      <c r="D75" s="145"/>
      <c r="E75" s="600" t="s">
        <v>412</v>
      </c>
      <c r="F75" s="601"/>
      <c r="G75" s="601"/>
      <c r="H75" s="602"/>
      <c r="I75" s="437" t="s">
        <v>413</v>
      </c>
      <c r="J75" s="438"/>
      <c r="K75" s="438"/>
      <c r="L75" s="439"/>
      <c r="M75" s="140" t="s">
        <v>7</v>
      </c>
      <c r="N75" s="98"/>
      <c r="O75" s="98" t="s">
        <v>25</v>
      </c>
      <c r="P75" s="453"/>
      <c r="Q75" s="453"/>
      <c r="R75" s="453"/>
      <c r="S75" s="453"/>
      <c r="T75" s="453"/>
      <c r="U75" s="453"/>
      <c r="V75" s="453"/>
      <c r="W75" s="453"/>
      <c r="X75" s="453"/>
      <c r="Y75" s="453"/>
      <c r="Z75" s="453"/>
      <c r="AA75" s="453"/>
      <c r="AB75" s="453"/>
      <c r="AC75" s="453"/>
      <c r="AD75" s="453"/>
      <c r="AE75" s="453"/>
      <c r="AF75" s="98" t="s">
        <v>26</v>
      </c>
      <c r="AG75" s="142"/>
      <c r="AH75" s="138" t="s">
        <v>7</v>
      </c>
      <c r="AI75" s="98" t="s">
        <v>169</v>
      </c>
      <c r="AJ75" s="98"/>
      <c r="AK75" s="98"/>
      <c r="AL75" s="140"/>
      <c r="AM75" s="240"/>
      <c r="AN75" s="263"/>
      <c r="AO75" s="114"/>
      <c r="AP75" s="99"/>
    </row>
    <row r="76" spans="1:42" ht="15.95" customHeight="1" x14ac:dyDescent="0.15">
      <c r="A76" s="148"/>
      <c r="B76" s="92"/>
      <c r="C76" s="92"/>
      <c r="D76" s="145"/>
      <c r="E76" s="537"/>
      <c r="F76" s="538"/>
      <c r="G76" s="538"/>
      <c r="H76" s="539"/>
      <c r="I76" s="461"/>
      <c r="J76" s="462"/>
      <c r="K76" s="462"/>
      <c r="L76" s="463"/>
      <c r="M76" s="105"/>
      <c r="N76" s="105"/>
      <c r="O76" s="105"/>
      <c r="P76" s="105"/>
      <c r="Q76" s="105"/>
      <c r="R76" s="105"/>
      <c r="S76" s="105"/>
      <c r="T76" s="105"/>
      <c r="U76" s="105"/>
      <c r="V76" s="105"/>
      <c r="W76" s="105"/>
      <c r="X76" s="105"/>
      <c r="Y76" s="105"/>
      <c r="Z76" s="105"/>
      <c r="AA76" s="105"/>
      <c r="AB76" s="105"/>
      <c r="AC76" s="105"/>
      <c r="AD76" s="105"/>
      <c r="AE76" s="105"/>
      <c r="AF76" s="105"/>
      <c r="AG76" s="170"/>
      <c r="AH76" s="146" t="s">
        <v>7</v>
      </c>
      <c r="AI76" s="92" t="s">
        <v>414</v>
      </c>
      <c r="AJ76" s="92"/>
      <c r="AK76" s="92"/>
      <c r="AL76" s="151"/>
      <c r="AM76" s="92"/>
      <c r="AN76" s="149"/>
      <c r="AP76" s="104"/>
    </row>
    <row r="77" spans="1:42" ht="15.95" customHeight="1" x14ac:dyDescent="0.15">
      <c r="A77" s="148"/>
      <c r="B77" s="92"/>
      <c r="C77" s="92"/>
      <c r="D77" s="145"/>
      <c r="E77" s="537"/>
      <c r="F77" s="538"/>
      <c r="G77" s="538"/>
      <c r="H77" s="539"/>
      <c r="I77" s="437" t="s">
        <v>415</v>
      </c>
      <c r="J77" s="438"/>
      <c r="K77" s="438"/>
      <c r="L77" s="439"/>
      <c r="M77" s="151" t="s">
        <v>7</v>
      </c>
      <c r="N77" s="92"/>
      <c r="O77" s="92" t="s">
        <v>25</v>
      </c>
      <c r="P77" s="453"/>
      <c r="Q77" s="453"/>
      <c r="R77" s="453"/>
      <c r="S77" s="453"/>
      <c r="T77" s="453"/>
      <c r="U77" s="453"/>
      <c r="V77" s="453"/>
      <c r="W77" s="453"/>
      <c r="X77" s="453"/>
      <c r="Y77" s="453"/>
      <c r="Z77" s="453"/>
      <c r="AA77" s="453"/>
      <c r="AB77" s="453"/>
      <c r="AC77" s="453"/>
      <c r="AD77" s="453"/>
      <c r="AE77" s="453"/>
      <c r="AF77" s="92" t="s">
        <v>26</v>
      </c>
      <c r="AG77" s="142"/>
      <c r="AH77" s="146" t="s">
        <v>7</v>
      </c>
      <c r="AI77" s="92"/>
      <c r="AJ77" s="92"/>
      <c r="AK77" s="92"/>
      <c r="AL77" s="92"/>
      <c r="AM77" s="92"/>
      <c r="AN77" s="149"/>
      <c r="AP77" s="104"/>
    </row>
    <row r="78" spans="1:42" ht="15.95" customHeight="1" x14ac:dyDescent="0.15">
      <c r="A78" s="148"/>
      <c r="B78" s="92"/>
      <c r="C78" s="92"/>
      <c r="D78" s="145"/>
      <c r="E78" s="537"/>
      <c r="F78" s="538"/>
      <c r="G78" s="538"/>
      <c r="H78" s="539"/>
      <c r="I78" s="461"/>
      <c r="J78" s="462"/>
      <c r="K78" s="462"/>
      <c r="L78" s="463"/>
      <c r="M78" s="105"/>
      <c r="N78" s="105"/>
      <c r="O78" s="105"/>
      <c r="P78" s="105"/>
      <c r="Q78" s="105"/>
      <c r="R78" s="105"/>
      <c r="S78" s="105"/>
      <c r="T78" s="105"/>
      <c r="U78" s="105"/>
      <c r="V78" s="105"/>
      <c r="W78" s="105"/>
      <c r="X78" s="105"/>
      <c r="Y78" s="105"/>
      <c r="Z78" s="105"/>
      <c r="AA78" s="105"/>
      <c r="AB78" s="105"/>
      <c r="AC78" s="105"/>
      <c r="AD78" s="105"/>
      <c r="AE78" s="105"/>
      <c r="AF78" s="105"/>
      <c r="AG78" s="170"/>
      <c r="AH78" s="146"/>
      <c r="AI78" s="92"/>
      <c r="AJ78" s="92"/>
      <c r="AK78" s="92"/>
      <c r="AL78" s="92"/>
      <c r="AM78" s="92"/>
      <c r="AN78" s="149"/>
      <c r="AP78" s="104"/>
    </row>
    <row r="79" spans="1:42" ht="15.95" customHeight="1" x14ac:dyDescent="0.15">
      <c r="A79" s="148"/>
      <c r="B79" s="92"/>
      <c r="C79" s="92"/>
      <c r="D79" s="145"/>
      <c r="E79" s="537"/>
      <c r="F79" s="538"/>
      <c r="G79" s="538"/>
      <c r="H79" s="539"/>
      <c r="I79" s="437" t="s">
        <v>416</v>
      </c>
      <c r="J79" s="438"/>
      <c r="K79" s="438"/>
      <c r="L79" s="439"/>
      <c r="M79" s="151" t="s">
        <v>7</v>
      </c>
      <c r="N79" s="92"/>
      <c r="O79" s="92" t="s">
        <v>25</v>
      </c>
      <c r="P79" s="453"/>
      <c r="Q79" s="453"/>
      <c r="R79" s="453"/>
      <c r="S79" s="453"/>
      <c r="T79" s="453"/>
      <c r="U79" s="453"/>
      <c r="V79" s="453"/>
      <c r="W79" s="453"/>
      <c r="X79" s="453"/>
      <c r="Y79" s="453"/>
      <c r="Z79" s="453"/>
      <c r="AA79" s="453"/>
      <c r="AB79" s="453"/>
      <c r="AC79" s="453"/>
      <c r="AD79" s="453"/>
      <c r="AE79" s="453"/>
      <c r="AF79" s="92" t="s">
        <v>26</v>
      </c>
      <c r="AG79" s="142"/>
      <c r="AH79" s="92"/>
      <c r="AI79" s="92"/>
      <c r="AJ79" s="92"/>
      <c r="AK79" s="92"/>
      <c r="AL79" s="151"/>
      <c r="AM79" s="103"/>
      <c r="AN79" s="149"/>
      <c r="AP79" s="104"/>
    </row>
    <row r="80" spans="1:42" ht="15.95" customHeight="1" x14ac:dyDescent="0.15">
      <c r="A80" s="148"/>
      <c r="B80" s="92"/>
      <c r="C80" s="92"/>
      <c r="D80" s="145"/>
      <c r="E80" s="537"/>
      <c r="F80" s="538"/>
      <c r="G80" s="538"/>
      <c r="H80" s="539"/>
      <c r="I80" s="461"/>
      <c r="J80" s="462"/>
      <c r="K80" s="462"/>
      <c r="L80" s="463"/>
      <c r="M80" s="105"/>
      <c r="N80" s="105"/>
      <c r="O80" s="105"/>
      <c r="P80" s="105"/>
      <c r="Q80" s="105"/>
      <c r="R80" s="105"/>
      <c r="S80" s="105"/>
      <c r="T80" s="105"/>
      <c r="U80" s="105"/>
      <c r="V80" s="105"/>
      <c r="W80" s="105"/>
      <c r="X80" s="105"/>
      <c r="Y80" s="105"/>
      <c r="Z80" s="105"/>
      <c r="AA80" s="105"/>
      <c r="AB80" s="105"/>
      <c r="AC80" s="105"/>
      <c r="AD80" s="105"/>
      <c r="AE80" s="105"/>
      <c r="AF80" s="105"/>
      <c r="AG80" s="170"/>
      <c r="AH80" s="148"/>
      <c r="AI80" s="92"/>
      <c r="AJ80" s="92"/>
      <c r="AK80" s="92"/>
      <c r="AL80" s="92"/>
      <c r="AM80" s="92"/>
      <c r="AN80" s="149"/>
      <c r="AP80" s="104"/>
    </row>
    <row r="81" spans="1:42" ht="15.95" customHeight="1" x14ac:dyDescent="0.15">
      <c r="A81" s="148"/>
      <c r="B81" s="92"/>
      <c r="C81" s="92"/>
      <c r="D81" s="145"/>
      <c r="E81" s="537"/>
      <c r="F81" s="538"/>
      <c r="G81" s="538"/>
      <c r="H81" s="539"/>
      <c r="I81" s="437" t="s">
        <v>417</v>
      </c>
      <c r="J81" s="438"/>
      <c r="K81" s="438"/>
      <c r="L81" s="439"/>
      <c r="M81" s="151" t="s">
        <v>7</v>
      </c>
      <c r="N81" s="92" t="s">
        <v>418</v>
      </c>
      <c r="O81" s="92"/>
      <c r="P81" s="98"/>
      <c r="Q81" s="98"/>
      <c r="R81" s="98" t="s">
        <v>25</v>
      </c>
      <c r="S81" s="453"/>
      <c r="T81" s="453"/>
      <c r="U81" s="453"/>
      <c r="V81" s="453"/>
      <c r="W81" s="453"/>
      <c r="X81" s="453"/>
      <c r="Y81" s="453"/>
      <c r="Z81" s="453"/>
      <c r="AA81" s="453"/>
      <c r="AB81" s="453"/>
      <c r="AC81" s="453"/>
      <c r="AD81" s="453"/>
      <c r="AE81" s="453"/>
      <c r="AF81" s="92" t="s">
        <v>26</v>
      </c>
      <c r="AG81" s="142"/>
      <c r="AH81" s="92"/>
      <c r="AI81" s="92"/>
      <c r="AJ81" s="92"/>
      <c r="AK81" s="92"/>
      <c r="AL81" s="92"/>
      <c r="AM81" s="92"/>
      <c r="AN81" s="149"/>
      <c r="AP81" s="104"/>
    </row>
    <row r="82" spans="1:42" ht="15.95" customHeight="1" x14ac:dyDescent="0.15">
      <c r="A82" s="148"/>
      <c r="B82" s="92"/>
      <c r="C82" s="92"/>
      <c r="D82" s="145"/>
      <c r="E82" s="537"/>
      <c r="F82" s="538"/>
      <c r="G82" s="538"/>
      <c r="H82" s="539"/>
      <c r="I82" s="449"/>
      <c r="J82" s="450"/>
      <c r="K82" s="450"/>
      <c r="L82" s="451"/>
      <c r="M82" s="102" t="s">
        <v>66</v>
      </c>
      <c r="N82" s="92" t="s">
        <v>419</v>
      </c>
      <c r="O82" s="92"/>
      <c r="P82" s="92"/>
      <c r="R82" s="151" t="s">
        <v>7</v>
      </c>
      <c r="S82" s="92" t="s">
        <v>420</v>
      </c>
      <c r="T82" s="92"/>
      <c r="U82" s="92"/>
      <c r="V82" s="92"/>
      <c r="X82" s="151" t="s">
        <v>7</v>
      </c>
      <c r="Y82" s="92" t="s">
        <v>421</v>
      </c>
      <c r="Z82" s="92"/>
      <c r="AA82" s="92"/>
      <c r="AB82" s="92"/>
      <c r="AC82" s="92"/>
      <c r="AD82" s="92"/>
      <c r="AE82" s="92"/>
      <c r="AF82" s="92"/>
      <c r="AG82" s="145"/>
      <c r="AH82" s="92"/>
      <c r="AI82" s="92"/>
      <c r="AJ82" s="92"/>
      <c r="AK82" s="92"/>
      <c r="AL82" s="92"/>
      <c r="AM82" s="92"/>
      <c r="AN82" s="149"/>
      <c r="AP82" s="104"/>
    </row>
    <row r="83" spans="1:42" ht="15.95" customHeight="1" x14ac:dyDescent="0.15">
      <c r="A83" s="148"/>
      <c r="B83" s="92"/>
      <c r="C83" s="92"/>
      <c r="D83" s="145"/>
      <c r="E83" s="537"/>
      <c r="F83" s="538"/>
      <c r="G83" s="538"/>
      <c r="H83" s="539"/>
      <c r="I83" s="449"/>
      <c r="J83" s="450"/>
      <c r="K83" s="450"/>
      <c r="L83" s="451"/>
      <c r="M83" s="102" t="s">
        <v>66</v>
      </c>
      <c r="N83" s="92" t="s">
        <v>422</v>
      </c>
      <c r="O83" s="92"/>
      <c r="P83" s="92"/>
      <c r="R83" s="151" t="s">
        <v>7</v>
      </c>
      <c r="S83" s="92" t="s">
        <v>423</v>
      </c>
      <c r="T83" s="92"/>
      <c r="U83" s="92"/>
      <c r="V83" s="92"/>
      <c r="W83" s="92"/>
      <c r="X83" s="92"/>
      <c r="Y83" s="92"/>
      <c r="Z83" s="92"/>
      <c r="AA83" s="92"/>
      <c r="AB83" s="92"/>
      <c r="AC83" s="92"/>
      <c r="AD83" s="92"/>
      <c r="AE83" s="92"/>
      <c r="AF83" s="92"/>
      <c r="AG83" s="145"/>
      <c r="AH83" s="148"/>
      <c r="AI83" s="92"/>
      <c r="AJ83" s="92"/>
      <c r="AK83" s="92"/>
      <c r="AL83" s="92"/>
      <c r="AM83" s="92"/>
      <c r="AN83" s="149"/>
      <c r="AP83" s="104"/>
    </row>
    <row r="84" spans="1:42" ht="15.95" customHeight="1" x14ac:dyDescent="0.15">
      <c r="A84" s="148"/>
      <c r="B84" s="92"/>
      <c r="C84" s="92"/>
      <c r="D84" s="145"/>
      <c r="E84" s="537"/>
      <c r="F84" s="538"/>
      <c r="G84" s="538"/>
      <c r="H84" s="539"/>
      <c r="I84" s="449"/>
      <c r="J84" s="450"/>
      <c r="K84" s="450"/>
      <c r="L84" s="451"/>
      <c r="M84" s="102" t="s">
        <v>66</v>
      </c>
      <c r="N84" s="92" t="s">
        <v>424</v>
      </c>
      <c r="O84" s="92"/>
      <c r="P84" s="92"/>
      <c r="R84" s="151" t="s">
        <v>7</v>
      </c>
      <c r="S84" s="92" t="s">
        <v>425</v>
      </c>
      <c r="T84" s="92"/>
      <c r="U84" s="92"/>
      <c r="V84" s="92"/>
      <c r="W84" s="92"/>
      <c r="X84" s="92"/>
      <c r="Y84" s="92"/>
      <c r="Z84" s="92"/>
      <c r="AA84" s="92"/>
      <c r="AB84" s="92"/>
      <c r="AC84" s="92"/>
      <c r="AD84" s="92"/>
      <c r="AE84" s="92"/>
      <c r="AF84" s="92"/>
      <c r="AG84" s="145"/>
      <c r="AH84" s="92"/>
      <c r="AI84" s="92"/>
      <c r="AJ84" s="92"/>
      <c r="AK84" s="92"/>
      <c r="AL84" s="92"/>
      <c r="AM84" s="92"/>
      <c r="AN84" s="149"/>
      <c r="AP84" s="104"/>
    </row>
    <row r="85" spans="1:42" ht="15.95" customHeight="1" x14ac:dyDescent="0.15">
      <c r="A85" s="148"/>
      <c r="B85" s="92"/>
      <c r="C85" s="92"/>
      <c r="D85" s="145"/>
      <c r="E85" s="537"/>
      <c r="F85" s="538"/>
      <c r="G85" s="538"/>
      <c r="H85" s="539"/>
      <c r="I85" s="461"/>
      <c r="J85" s="462"/>
      <c r="K85" s="462"/>
      <c r="L85" s="463"/>
      <c r="M85" s="102" t="s">
        <v>66</v>
      </c>
      <c r="N85" s="92" t="s">
        <v>426</v>
      </c>
      <c r="O85" s="92"/>
      <c r="P85" s="92"/>
      <c r="R85" s="151" t="s">
        <v>7</v>
      </c>
      <c r="S85" s="92" t="s">
        <v>425</v>
      </c>
      <c r="T85" s="92"/>
      <c r="U85" s="92"/>
      <c r="V85" s="92"/>
      <c r="W85" s="92"/>
      <c r="X85" s="92"/>
      <c r="Y85" s="92"/>
      <c r="Z85" s="92"/>
      <c r="AA85" s="92"/>
      <c r="AB85" s="92"/>
      <c r="AC85" s="92"/>
      <c r="AD85" s="92"/>
      <c r="AE85" s="92"/>
      <c r="AF85" s="92"/>
      <c r="AG85" s="145"/>
      <c r="AH85" s="92"/>
      <c r="AI85" s="92"/>
      <c r="AJ85" s="92"/>
      <c r="AK85" s="92"/>
      <c r="AL85" s="92"/>
      <c r="AM85" s="92"/>
      <c r="AN85" s="149"/>
      <c r="AP85" s="104"/>
    </row>
    <row r="86" spans="1:42" ht="15.95" customHeight="1" x14ac:dyDescent="0.15">
      <c r="A86" s="148"/>
      <c r="B86" s="92"/>
      <c r="C86" s="92"/>
      <c r="D86" s="145"/>
      <c r="E86" s="537"/>
      <c r="F86" s="538"/>
      <c r="G86" s="538"/>
      <c r="H86" s="539"/>
      <c r="I86" s="449" t="s">
        <v>427</v>
      </c>
      <c r="J86" s="450"/>
      <c r="K86" s="450"/>
      <c r="L86" s="451"/>
      <c r="M86" s="138" t="s">
        <v>7</v>
      </c>
      <c r="N86" s="98" t="s">
        <v>407</v>
      </c>
      <c r="O86" s="98"/>
      <c r="P86" s="98"/>
      <c r="Q86" s="98"/>
      <c r="R86" s="98" t="s">
        <v>25</v>
      </c>
      <c r="S86" s="453"/>
      <c r="T86" s="453"/>
      <c r="U86" s="453"/>
      <c r="V86" s="453"/>
      <c r="W86" s="453"/>
      <c r="X86" s="453"/>
      <c r="Y86" s="453"/>
      <c r="Z86" s="98"/>
      <c r="AA86" s="98" t="s">
        <v>26</v>
      </c>
      <c r="AB86" s="98"/>
      <c r="AC86" s="98"/>
      <c r="AD86" s="98"/>
      <c r="AE86" s="98"/>
      <c r="AF86" s="98"/>
      <c r="AG86" s="142"/>
      <c r="AH86" s="92"/>
      <c r="AI86" s="92"/>
      <c r="AJ86" s="92"/>
      <c r="AK86" s="92"/>
      <c r="AL86" s="92"/>
      <c r="AM86" s="92"/>
      <c r="AN86" s="149"/>
      <c r="AP86" s="104"/>
    </row>
    <row r="87" spans="1:42" ht="15.95" customHeight="1" x14ac:dyDescent="0.15">
      <c r="A87" s="148"/>
      <c r="B87" s="92"/>
      <c r="C87" s="92"/>
      <c r="D87" s="145"/>
      <c r="E87" s="537"/>
      <c r="F87" s="538"/>
      <c r="G87" s="538"/>
      <c r="H87" s="539"/>
      <c r="I87" s="449"/>
      <c r="J87" s="450"/>
      <c r="K87" s="450"/>
      <c r="L87" s="451"/>
      <c r="M87" s="151" t="s">
        <v>7</v>
      </c>
      <c r="N87" s="92" t="s">
        <v>409</v>
      </c>
      <c r="O87" s="92"/>
      <c r="P87" s="92"/>
      <c r="Q87" s="92"/>
      <c r="R87" s="92" t="s">
        <v>25</v>
      </c>
      <c r="S87" s="431"/>
      <c r="T87" s="431"/>
      <c r="U87" s="431"/>
      <c r="V87" s="431"/>
      <c r="W87" s="431"/>
      <c r="X87" s="431"/>
      <c r="Y87" s="431"/>
      <c r="Z87" s="92"/>
      <c r="AA87" s="92" t="s">
        <v>26</v>
      </c>
      <c r="AB87" s="92"/>
      <c r="AC87" s="92"/>
      <c r="AD87" s="92"/>
      <c r="AE87" s="92"/>
      <c r="AF87" s="92"/>
      <c r="AG87" s="145"/>
      <c r="AH87" s="92"/>
      <c r="AI87" s="92"/>
      <c r="AJ87" s="92"/>
      <c r="AK87" s="92"/>
      <c r="AL87" s="92"/>
      <c r="AM87" s="92"/>
      <c r="AN87" s="149"/>
      <c r="AP87" s="104"/>
    </row>
    <row r="88" spans="1:42" ht="15.95" customHeight="1" x14ac:dyDescent="0.15">
      <c r="A88" s="148"/>
      <c r="B88" s="92"/>
      <c r="C88" s="92"/>
      <c r="D88" s="145"/>
      <c r="E88" s="537"/>
      <c r="F88" s="538"/>
      <c r="G88" s="538"/>
      <c r="H88" s="539"/>
      <c r="I88" s="461"/>
      <c r="J88" s="462"/>
      <c r="K88" s="462"/>
      <c r="L88" s="463"/>
      <c r="M88" s="167" t="s">
        <v>7</v>
      </c>
      <c r="N88" s="105" t="s">
        <v>428</v>
      </c>
      <c r="O88" s="105"/>
      <c r="P88" s="105"/>
      <c r="Q88" s="105"/>
      <c r="R88" s="105" t="s">
        <v>25</v>
      </c>
      <c r="S88" s="456"/>
      <c r="T88" s="456"/>
      <c r="U88" s="456"/>
      <c r="V88" s="456"/>
      <c r="W88" s="456"/>
      <c r="X88" s="456"/>
      <c r="Y88" s="456"/>
      <c r="Z88" s="105"/>
      <c r="AA88" s="105" t="s">
        <v>26</v>
      </c>
      <c r="AB88" s="105"/>
      <c r="AC88" s="105"/>
      <c r="AD88" s="105"/>
      <c r="AE88" s="105"/>
      <c r="AF88" s="105"/>
      <c r="AG88" s="170"/>
      <c r="AH88" s="148"/>
      <c r="AI88" s="92"/>
      <c r="AJ88" s="92"/>
      <c r="AK88" s="92"/>
      <c r="AL88" s="92"/>
      <c r="AM88" s="92"/>
      <c r="AN88" s="149"/>
      <c r="AP88" s="104"/>
    </row>
    <row r="89" spans="1:42" ht="15.95" customHeight="1" x14ac:dyDescent="0.15">
      <c r="A89" s="148"/>
      <c r="B89" s="92"/>
      <c r="C89" s="92"/>
      <c r="D89" s="145"/>
      <c r="E89" s="537"/>
      <c r="F89" s="538"/>
      <c r="G89" s="538"/>
      <c r="H89" s="539"/>
      <c r="I89" s="437" t="s">
        <v>429</v>
      </c>
      <c r="J89" s="438"/>
      <c r="K89" s="438"/>
      <c r="L89" s="439"/>
      <c r="M89" s="151" t="s">
        <v>7</v>
      </c>
      <c r="N89" s="92"/>
      <c r="O89" s="92" t="s">
        <v>25</v>
      </c>
      <c r="P89" s="453"/>
      <c r="Q89" s="453"/>
      <c r="R89" s="453"/>
      <c r="S89" s="453"/>
      <c r="T89" s="453"/>
      <c r="U89" s="453"/>
      <c r="V89" s="453"/>
      <c r="W89" s="453"/>
      <c r="X89" s="453"/>
      <c r="Y89" s="453"/>
      <c r="Z89" s="92" t="s">
        <v>26</v>
      </c>
      <c r="AA89" s="92"/>
      <c r="AB89" s="92"/>
      <c r="AC89" s="92"/>
      <c r="AD89" s="92"/>
      <c r="AE89" s="92"/>
      <c r="AF89" s="92"/>
      <c r="AG89" s="142"/>
      <c r="AH89" s="92"/>
      <c r="AI89" s="92"/>
      <c r="AJ89" s="92"/>
      <c r="AK89" s="92"/>
      <c r="AL89" s="92"/>
      <c r="AM89" s="92"/>
      <c r="AN89" s="149"/>
      <c r="AP89" s="104"/>
    </row>
    <row r="90" spans="1:42" ht="15.95" customHeight="1" x14ac:dyDescent="0.15">
      <c r="A90" s="148"/>
      <c r="B90" s="92"/>
      <c r="C90" s="92"/>
      <c r="D90" s="145"/>
      <c r="E90" s="537"/>
      <c r="F90" s="538"/>
      <c r="G90" s="538"/>
      <c r="H90" s="539"/>
      <c r="I90" s="461"/>
      <c r="J90" s="462"/>
      <c r="K90" s="462"/>
      <c r="L90" s="463"/>
      <c r="M90" s="105"/>
      <c r="N90" s="105"/>
      <c r="O90" s="105"/>
      <c r="P90" s="105"/>
      <c r="Q90" s="105"/>
      <c r="R90" s="105"/>
      <c r="S90" s="105"/>
      <c r="T90" s="105"/>
      <c r="U90" s="105"/>
      <c r="V90" s="105"/>
      <c r="W90" s="105"/>
      <c r="X90" s="105"/>
      <c r="Y90" s="105"/>
      <c r="Z90" s="105"/>
      <c r="AA90" s="105"/>
      <c r="AB90" s="105"/>
      <c r="AC90" s="105"/>
      <c r="AD90" s="105"/>
      <c r="AE90" s="105"/>
      <c r="AF90" s="105"/>
      <c r="AG90" s="170"/>
      <c r="AH90" s="92"/>
      <c r="AI90" s="92"/>
      <c r="AJ90" s="92"/>
      <c r="AK90" s="92"/>
      <c r="AL90" s="92"/>
      <c r="AM90" s="92"/>
      <c r="AN90" s="149"/>
      <c r="AP90" s="104"/>
    </row>
    <row r="91" spans="1:42" ht="15.95" customHeight="1" x14ac:dyDescent="0.15">
      <c r="A91" s="148"/>
      <c r="B91" s="92"/>
      <c r="C91" s="92"/>
      <c r="D91" s="145"/>
      <c r="E91" s="537"/>
      <c r="F91" s="538"/>
      <c r="G91" s="538"/>
      <c r="H91" s="539"/>
      <c r="I91" s="486" t="s">
        <v>430</v>
      </c>
      <c r="J91" s="487"/>
      <c r="K91" s="487"/>
      <c r="L91" s="488"/>
      <c r="M91" s="151" t="s">
        <v>7</v>
      </c>
      <c r="N91" s="92"/>
      <c r="O91" s="92" t="s">
        <v>25</v>
      </c>
      <c r="P91" s="453"/>
      <c r="Q91" s="453"/>
      <c r="R91" s="453"/>
      <c r="S91" s="453"/>
      <c r="T91" s="453"/>
      <c r="U91" s="453"/>
      <c r="V91" s="453"/>
      <c r="W91" s="453"/>
      <c r="X91" s="453"/>
      <c r="Y91" s="453"/>
      <c r="Z91" s="92" t="s">
        <v>26</v>
      </c>
      <c r="AA91" s="92"/>
      <c r="AB91" s="92"/>
      <c r="AC91" s="92"/>
      <c r="AD91" s="92"/>
      <c r="AE91" s="92"/>
      <c r="AF91" s="92"/>
      <c r="AG91" s="142"/>
      <c r="AH91" s="148"/>
      <c r="AI91" s="92"/>
      <c r="AJ91" s="92"/>
      <c r="AK91" s="92"/>
      <c r="AL91" s="92"/>
      <c r="AM91" s="92"/>
      <c r="AN91" s="149"/>
      <c r="AP91" s="104"/>
    </row>
    <row r="92" spans="1:42" ht="15.95" customHeight="1" x14ac:dyDescent="0.15">
      <c r="A92" s="148"/>
      <c r="B92" s="92"/>
      <c r="C92" s="92"/>
      <c r="D92" s="145"/>
      <c r="E92" s="603"/>
      <c r="F92" s="604"/>
      <c r="G92" s="604"/>
      <c r="H92" s="605"/>
      <c r="I92" s="531"/>
      <c r="J92" s="532"/>
      <c r="K92" s="532"/>
      <c r="L92" s="533"/>
      <c r="M92" s="105"/>
      <c r="N92" s="105"/>
      <c r="O92" s="105"/>
      <c r="P92" s="105"/>
      <c r="Q92" s="105"/>
      <c r="R92" s="105"/>
      <c r="S92" s="105"/>
      <c r="T92" s="105"/>
      <c r="U92" s="105"/>
      <c r="V92" s="105"/>
      <c r="W92" s="105"/>
      <c r="X92" s="105"/>
      <c r="Y92" s="105"/>
      <c r="Z92" s="105"/>
      <c r="AA92" s="105"/>
      <c r="AB92" s="105"/>
      <c r="AC92" s="105"/>
      <c r="AD92" s="105"/>
      <c r="AE92" s="105"/>
      <c r="AF92" s="105"/>
      <c r="AG92" s="170"/>
      <c r="AH92" s="105"/>
      <c r="AI92" s="105"/>
      <c r="AJ92" s="105"/>
      <c r="AK92" s="105"/>
      <c r="AL92" s="105"/>
      <c r="AM92" s="105"/>
      <c r="AN92" s="219"/>
      <c r="AO92" s="116"/>
      <c r="AP92" s="106"/>
    </row>
    <row r="93" spans="1:42" ht="15.95" customHeight="1" x14ac:dyDescent="0.15">
      <c r="A93" s="148"/>
      <c r="B93" s="92"/>
      <c r="C93" s="92"/>
      <c r="D93" s="92"/>
      <c r="E93" s="437" t="s">
        <v>175</v>
      </c>
      <c r="F93" s="438"/>
      <c r="G93" s="438"/>
      <c r="H93" s="439"/>
      <c r="I93" s="437" t="s">
        <v>176</v>
      </c>
      <c r="J93" s="438"/>
      <c r="K93" s="438"/>
      <c r="L93" s="439"/>
      <c r="M93" s="138" t="s">
        <v>7</v>
      </c>
      <c r="N93" s="98" t="s">
        <v>431</v>
      </c>
      <c r="O93" s="208"/>
      <c r="P93" s="98"/>
      <c r="Q93" s="206"/>
      <c r="R93" s="98"/>
      <c r="S93" s="98"/>
      <c r="T93" s="208"/>
      <c r="U93" s="206"/>
      <c r="V93" s="208"/>
      <c r="W93" s="206"/>
      <c r="X93" s="140"/>
      <c r="Y93" s="206"/>
      <c r="Z93" s="206"/>
      <c r="AA93" s="140"/>
      <c r="AB93" s="206"/>
      <c r="AC93" s="206"/>
      <c r="AD93" s="206"/>
      <c r="AE93" s="206"/>
      <c r="AF93" s="206"/>
      <c r="AG93" s="142"/>
      <c r="AH93" s="141"/>
      <c r="AI93" s="98"/>
      <c r="AJ93" s="98"/>
      <c r="AK93" s="98"/>
      <c r="AL93" s="98"/>
      <c r="AM93" s="98"/>
      <c r="AN93" s="141"/>
      <c r="AO93" s="98"/>
      <c r="AP93" s="142"/>
    </row>
    <row r="94" spans="1:42" ht="15.95" customHeight="1" x14ac:dyDescent="0.15">
      <c r="A94" s="169"/>
      <c r="B94" s="105"/>
      <c r="C94" s="105"/>
      <c r="D94" s="105"/>
      <c r="E94" s="169"/>
      <c r="F94" s="105"/>
      <c r="G94" s="105"/>
      <c r="H94" s="170"/>
      <c r="I94" s="461" t="s">
        <v>178</v>
      </c>
      <c r="J94" s="462"/>
      <c r="K94" s="462"/>
      <c r="L94" s="463"/>
      <c r="M94" s="167" t="s">
        <v>7</v>
      </c>
      <c r="N94" s="105" t="s">
        <v>432</v>
      </c>
      <c r="O94" s="97"/>
      <c r="P94" s="105"/>
      <c r="Q94" s="96"/>
      <c r="R94" s="105"/>
      <c r="S94" s="105"/>
      <c r="T94" s="97"/>
      <c r="U94" s="96"/>
      <c r="V94" s="97"/>
      <c r="W94" s="96"/>
      <c r="X94" s="126"/>
      <c r="Y94" s="96"/>
      <c r="Z94" s="96"/>
      <c r="AA94" s="126"/>
      <c r="AB94" s="96"/>
      <c r="AC94" s="96"/>
      <c r="AD94" s="96"/>
      <c r="AE94" s="96"/>
      <c r="AF94" s="96"/>
      <c r="AG94" s="170"/>
      <c r="AH94" s="169"/>
      <c r="AI94" s="105"/>
      <c r="AJ94" s="105"/>
      <c r="AK94" s="105"/>
      <c r="AL94" s="105"/>
      <c r="AM94" s="105"/>
      <c r="AN94" s="169"/>
      <c r="AO94" s="105"/>
      <c r="AP94" s="170"/>
    </row>
    <row r="95" spans="1:42" ht="15.95" customHeight="1" x14ac:dyDescent="0.15">
      <c r="A95" s="449" t="s">
        <v>433</v>
      </c>
      <c r="B95" s="450"/>
      <c r="C95" s="450"/>
      <c r="D95" s="450"/>
      <c r="E95" s="449" t="s">
        <v>434</v>
      </c>
      <c r="F95" s="450"/>
      <c r="G95" s="450"/>
      <c r="H95" s="451"/>
      <c r="I95" s="449" t="s">
        <v>435</v>
      </c>
      <c r="J95" s="450"/>
      <c r="K95" s="450"/>
      <c r="L95" s="451"/>
      <c r="M95" s="155" t="s">
        <v>66</v>
      </c>
      <c r="N95" s="92" t="s">
        <v>436</v>
      </c>
      <c r="O95" s="103"/>
      <c r="P95" s="92"/>
      <c r="Q95" s="102"/>
      <c r="R95" s="103"/>
      <c r="S95" s="102" t="s">
        <v>25</v>
      </c>
      <c r="T95" s="480"/>
      <c r="U95" s="480"/>
      <c r="V95" s="480"/>
      <c r="W95" s="480"/>
      <c r="X95" s="194" t="s">
        <v>400</v>
      </c>
      <c r="Y95" s="194" t="s">
        <v>26</v>
      </c>
      <c r="Z95" s="176"/>
      <c r="AA95" s="176"/>
      <c r="AB95" s="176"/>
      <c r="AC95" s="176"/>
      <c r="AD95" s="176"/>
      <c r="AE95" s="176"/>
      <c r="AF95" s="176"/>
      <c r="AG95" s="152"/>
      <c r="AH95" s="146" t="s">
        <v>7</v>
      </c>
      <c r="AI95" s="92" t="s">
        <v>437</v>
      </c>
      <c r="AJ95" s="92"/>
      <c r="AK95" s="92"/>
      <c r="AL95" s="102"/>
      <c r="AM95" s="92"/>
      <c r="AN95" s="149"/>
      <c r="AP95" s="104"/>
    </row>
    <row r="96" spans="1:42" ht="15.95" customHeight="1" x14ac:dyDescent="0.15">
      <c r="A96" s="162"/>
      <c r="B96" s="153"/>
      <c r="C96" s="153"/>
      <c r="D96" s="153"/>
      <c r="E96" s="148"/>
      <c r="F96" s="92"/>
      <c r="G96" s="92"/>
      <c r="H96" s="145"/>
      <c r="I96" s="148"/>
      <c r="J96" s="92"/>
      <c r="K96" s="92"/>
      <c r="L96" s="145"/>
      <c r="M96" s="155" t="s">
        <v>66</v>
      </c>
      <c r="N96" s="92" t="s">
        <v>438</v>
      </c>
      <c r="O96" s="103"/>
      <c r="P96" s="92"/>
      <c r="Q96" s="102"/>
      <c r="R96" s="103"/>
      <c r="X96" s="176"/>
      <c r="Y96" s="176"/>
      <c r="Z96" s="176"/>
      <c r="AA96" s="176"/>
      <c r="AB96" s="176"/>
      <c r="AC96" s="176"/>
      <c r="AD96" s="176"/>
      <c r="AE96" s="176"/>
      <c r="AF96" s="176"/>
      <c r="AG96" s="152"/>
      <c r="AH96" s="155"/>
      <c r="AI96" s="182"/>
      <c r="AJ96" s="92"/>
      <c r="AK96" s="92"/>
      <c r="AL96" s="92"/>
      <c r="AM96" s="92"/>
      <c r="AN96" s="318"/>
      <c r="AP96" s="104"/>
    </row>
    <row r="97" spans="1:42" ht="15.95" customHeight="1" x14ac:dyDescent="0.15">
      <c r="A97" s="162"/>
      <c r="B97" s="153"/>
      <c r="C97" s="153"/>
      <c r="D97" s="153"/>
      <c r="E97" s="148"/>
      <c r="F97" s="92"/>
      <c r="G97" s="92"/>
      <c r="H97" s="145"/>
      <c r="I97" s="148"/>
      <c r="J97" s="92"/>
      <c r="K97" s="92"/>
      <c r="L97" s="145"/>
      <c r="M97" s="218"/>
      <c r="N97" s="102" t="s">
        <v>25</v>
      </c>
      <c r="O97" s="480"/>
      <c r="P97" s="480"/>
      <c r="Q97" s="102" t="s">
        <v>439</v>
      </c>
      <c r="R97" s="102" t="s">
        <v>26</v>
      </c>
      <c r="S97" s="102" t="s">
        <v>25</v>
      </c>
      <c r="T97" s="480"/>
      <c r="U97" s="480"/>
      <c r="V97" s="480"/>
      <c r="W97" s="480"/>
      <c r="X97" s="194" t="s">
        <v>400</v>
      </c>
      <c r="Y97" s="194" t="s">
        <v>26</v>
      </c>
      <c r="Z97" s="156"/>
      <c r="AA97" s="156"/>
      <c r="AB97" s="156"/>
      <c r="AC97" s="156"/>
      <c r="AD97" s="156"/>
      <c r="AE97" s="156"/>
      <c r="AF97" s="176"/>
      <c r="AG97" s="152"/>
      <c r="AH97" s="155"/>
      <c r="AI97" s="182"/>
      <c r="AJ97" s="182"/>
      <c r="AK97" s="182"/>
      <c r="AL97" s="182"/>
      <c r="AM97" s="92"/>
      <c r="AN97" s="149"/>
      <c r="AP97" s="104"/>
    </row>
    <row r="98" spans="1:42" ht="15.95" customHeight="1" x14ac:dyDescent="0.15">
      <c r="A98" s="162"/>
      <c r="B98" s="153"/>
      <c r="C98" s="153"/>
      <c r="D98" s="153"/>
      <c r="E98" s="148"/>
      <c r="F98" s="92"/>
      <c r="G98" s="92"/>
      <c r="H98" s="145"/>
      <c r="I98" s="148"/>
      <c r="J98" s="92"/>
      <c r="K98" s="92"/>
      <c r="L98" s="145"/>
      <c r="M98" s="218"/>
      <c r="N98" s="92" t="s">
        <v>440</v>
      </c>
      <c r="O98" s="103"/>
      <c r="P98" s="92"/>
      <c r="Q98" s="102"/>
      <c r="R98" s="103"/>
      <c r="S98" s="102" t="s">
        <v>25</v>
      </c>
      <c r="T98" s="480"/>
      <c r="U98" s="480"/>
      <c r="V98" s="480"/>
      <c r="W98" s="480"/>
      <c r="X98" s="194" t="s">
        <v>400</v>
      </c>
      <c r="Y98" s="194" t="s">
        <v>26</v>
      </c>
      <c r="Z98" s="156"/>
      <c r="AA98" s="156"/>
      <c r="AB98" s="156"/>
      <c r="AC98" s="156"/>
      <c r="AD98" s="156"/>
      <c r="AE98" s="156"/>
      <c r="AF98" s="176"/>
      <c r="AG98" s="152"/>
      <c r="AH98" s="212"/>
      <c r="AI98" s="105"/>
      <c r="AJ98" s="105"/>
      <c r="AK98" s="105"/>
      <c r="AL98" s="92"/>
      <c r="AM98" s="105"/>
      <c r="AN98" s="219"/>
      <c r="AO98" s="116"/>
      <c r="AP98" s="106"/>
    </row>
    <row r="99" spans="1:42" ht="15.95" customHeight="1" x14ac:dyDescent="0.15">
      <c r="A99" s="437" t="s">
        <v>441</v>
      </c>
      <c r="B99" s="438"/>
      <c r="C99" s="438"/>
      <c r="D99" s="438"/>
      <c r="E99" s="437"/>
      <c r="F99" s="438"/>
      <c r="G99" s="438"/>
      <c r="H99" s="439"/>
      <c r="I99" s="437" t="s">
        <v>442</v>
      </c>
      <c r="J99" s="438"/>
      <c r="K99" s="438"/>
      <c r="L99" s="439"/>
      <c r="M99" s="134" t="s">
        <v>66</v>
      </c>
      <c r="N99" s="98" t="s">
        <v>443</v>
      </c>
      <c r="O99" s="208"/>
      <c r="P99" s="98"/>
      <c r="Q99" s="206"/>
      <c r="R99" s="208"/>
      <c r="S99" s="206" t="s">
        <v>25</v>
      </c>
      <c r="T99" s="485"/>
      <c r="U99" s="485"/>
      <c r="V99" s="239" t="s">
        <v>26</v>
      </c>
      <c r="W99" s="240" t="s">
        <v>444</v>
      </c>
      <c r="X99" s="114"/>
      <c r="Y99" s="114"/>
      <c r="Z99" s="240"/>
      <c r="AA99" s="240"/>
      <c r="AB99" s="240"/>
      <c r="AC99" s="240"/>
      <c r="AD99" s="240"/>
      <c r="AE99" s="240"/>
      <c r="AF99" s="280"/>
      <c r="AG99" s="217"/>
      <c r="AH99" s="146" t="s">
        <v>7</v>
      </c>
      <c r="AI99" s="92" t="s">
        <v>445</v>
      </c>
      <c r="AJ99" s="92"/>
      <c r="AK99" s="92"/>
      <c r="AL99" s="98"/>
      <c r="AM99" s="92"/>
      <c r="AN99" s="149"/>
      <c r="AP99" s="104"/>
    </row>
    <row r="100" spans="1:42" ht="15.95" customHeight="1" x14ac:dyDescent="0.15">
      <c r="A100" s="449" t="s">
        <v>446</v>
      </c>
      <c r="B100" s="450"/>
      <c r="C100" s="450"/>
      <c r="D100" s="450"/>
      <c r="E100" s="148"/>
      <c r="F100" s="92"/>
      <c r="G100" s="92"/>
      <c r="H100" s="145"/>
      <c r="I100" s="449" t="s">
        <v>447</v>
      </c>
      <c r="J100" s="450"/>
      <c r="K100" s="450"/>
      <c r="L100" s="451"/>
      <c r="M100" s="218"/>
      <c r="N100" s="151" t="s">
        <v>7</v>
      </c>
      <c r="O100" s="103" t="s">
        <v>448</v>
      </c>
      <c r="P100" s="92"/>
      <c r="Q100" s="102"/>
      <c r="R100" s="103"/>
      <c r="S100" s="103"/>
      <c r="T100" s="102"/>
      <c r="U100" s="103"/>
      <c r="V100" s="103"/>
      <c r="W100" s="102"/>
      <c r="X100" s="176"/>
      <c r="Y100" s="176"/>
      <c r="Z100" s="176"/>
      <c r="AA100" s="176"/>
      <c r="AB100" s="176"/>
      <c r="AC100" s="176"/>
      <c r="AD100" s="176"/>
      <c r="AE100" s="176"/>
      <c r="AF100" s="176"/>
      <c r="AG100" s="152"/>
      <c r="AH100" s="146" t="s">
        <v>7</v>
      </c>
      <c r="AI100" s="156" t="s">
        <v>442</v>
      </c>
      <c r="AJ100" s="182"/>
      <c r="AK100" s="92"/>
      <c r="AL100" s="92"/>
      <c r="AM100" s="92"/>
      <c r="AN100" s="149"/>
      <c r="AP100" s="104"/>
    </row>
    <row r="101" spans="1:42" ht="15.95" customHeight="1" x14ac:dyDescent="0.15">
      <c r="A101" s="164"/>
      <c r="B101" s="165"/>
      <c r="C101" s="165"/>
      <c r="D101" s="165"/>
      <c r="E101" s="169"/>
      <c r="F101" s="105"/>
      <c r="G101" s="105"/>
      <c r="H101" s="170"/>
      <c r="I101" s="169"/>
      <c r="J101" s="105"/>
      <c r="K101" s="105"/>
      <c r="L101" s="170"/>
      <c r="M101" s="281"/>
      <c r="N101" s="105"/>
      <c r="O101" s="97"/>
      <c r="P101" s="105"/>
      <c r="Q101" s="96"/>
      <c r="R101" s="97"/>
      <c r="S101" s="97"/>
      <c r="T101" s="96"/>
      <c r="U101" s="97"/>
      <c r="V101" s="97"/>
      <c r="W101" s="96"/>
      <c r="X101" s="237"/>
      <c r="Y101" s="237"/>
      <c r="Z101" s="237"/>
      <c r="AA101" s="237"/>
      <c r="AB101" s="237"/>
      <c r="AC101" s="237"/>
      <c r="AD101" s="237"/>
      <c r="AE101" s="237"/>
      <c r="AF101" s="237"/>
      <c r="AG101" s="259"/>
      <c r="AH101" s="115"/>
      <c r="AI101" s="238" t="s">
        <v>449</v>
      </c>
      <c r="AJ101" s="200"/>
      <c r="AK101" s="200"/>
      <c r="AL101" s="200"/>
      <c r="AM101" s="105"/>
      <c r="AN101" s="219"/>
      <c r="AO101" s="116"/>
      <c r="AP101" s="106"/>
    </row>
    <row r="102" spans="1:42" ht="15.95" customHeight="1" x14ac:dyDescent="0.15">
      <c r="A102" s="437" t="s">
        <v>450</v>
      </c>
      <c r="B102" s="438"/>
      <c r="C102" s="438"/>
      <c r="D102" s="438"/>
      <c r="E102" s="437"/>
      <c r="F102" s="438"/>
      <c r="G102" s="438"/>
      <c r="H102" s="439"/>
      <c r="I102" s="437" t="s">
        <v>451</v>
      </c>
      <c r="J102" s="438"/>
      <c r="K102" s="438"/>
      <c r="L102" s="439"/>
      <c r="M102" s="140" t="s">
        <v>7</v>
      </c>
      <c r="N102" s="208" t="s">
        <v>452</v>
      </c>
      <c r="O102" s="98"/>
      <c r="P102" s="206"/>
      <c r="Q102" s="208"/>
      <c r="R102" s="208"/>
      <c r="S102" s="206"/>
      <c r="T102" s="208"/>
      <c r="U102" s="208"/>
      <c r="V102" s="208"/>
      <c r="W102" s="206"/>
      <c r="X102" s="280"/>
      <c r="Y102" s="280"/>
      <c r="Z102" s="280"/>
      <c r="AA102" s="280"/>
      <c r="AB102" s="280"/>
      <c r="AC102" s="280"/>
      <c r="AD102" s="280"/>
      <c r="AE102" s="280"/>
      <c r="AF102" s="280"/>
      <c r="AG102" s="217"/>
      <c r="AH102" s="138" t="s">
        <v>7</v>
      </c>
      <c r="AI102" s="98" t="s">
        <v>445</v>
      </c>
      <c r="AJ102" s="98"/>
      <c r="AK102" s="98"/>
      <c r="AL102" s="98"/>
      <c r="AM102" s="98"/>
      <c r="AN102" s="263"/>
      <c r="AO102" s="114"/>
      <c r="AP102" s="99"/>
    </row>
    <row r="103" spans="1:42" ht="15.75" customHeight="1" x14ac:dyDescent="0.15">
      <c r="A103" s="219"/>
      <c r="B103" s="116"/>
      <c r="C103" s="116"/>
      <c r="D103" s="106"/>
      <c r="E103" s="169"/>
      <c r="F103" s="105"/>
      <c r="G103" s="105"/>
      <c r="H103" s="170"/>
      <c r="I103" s="169"/>
      <c r="J103" s="105"/>
      <c r="K103" s="105"/>
      <c r="L103" s="170"/>
      <c r="M103" s="167"/>
      <c r="N103" s="97"/>
      <c r="O103" s="105"/>
      <c r="P103" s="96"/>
      <c r="Q103" s="97"/>
      <c r="R103" s="97"/>
      <c r="S103" s="96"/>
      <c r="T103" s="97"/>
      <c r="U103" s="97"/>
      <c r="V103" s="97"/>
      <c r="W103" s="96"/>
      <c r="X103" s="237"/>
      <c r="Y103" s="237"/>
      <c r="Z103" s="237"/>
      <c r="AA103" s="237"/>
      <c r="AB103" s="237"/>
      <c r="AC103" s="237"/>
      <c r="AD103" s="237"/>
      <c r="AE103" s="237"/>
      <c r="AF103" s="237"/>
      <c r="AG103" s="259"/>
      <c r="AH103" s="212"/>
      <c r="AI103" s="200"/>
      <c r="AJ103" s="200"/>
      <c r="AK103" s="200"/>
      <c r="AL103" s="200"/>
      <c r="AM103" s="105"/>
      <c r="AN103" s="219"/>
      <c r="AO103" s="116"/>
      <c r="AP103" s="106"/>
    </row>
    <row r="104" spans="1:42" ht="15.75" customHeight="1" x14ac:dyDescent="0.15">
      <c r="A104" s="449" t="s">
        <v>454</v>
      </c>
      <c r="B104" s="450"/>
      <c r="C104" s="450"/>
      <c r="D104" s="451"/>
      <c r="E104" s="450" t="s">
        <v>455</v>
      </c>
      <c r="F104" s="450"/>
      <c r="G104" s="450"/>
      <c r="H104" s="450"/>
      <c r="I104" s="449" t="s">
        <v>456</v>
      </c>
      <c r="J104" s="450"/>
      <c r="K104" s="450"/>
      <c r="L104" s="451"/>
      <c r="M104" s="282" t="s">
        <v>457</v>
      </c>
      <c r="AH104" s="146" t="s">
        <v>7</v>
      </c>
      <c r="AI104" s="92" t="s">
        <v>458</v>
      </c>
      <c r="AN104" s="149"/>
      <c r="AP104" s="104"/>
    </row>
    <row r="105" spans="1:42" ht="15.95" customHeight="1" x14ac:dyDescent="0.15">
      <c r="A105" s="449" t="s">
        <v>459</v>
      </c>
      <c r="B105" s="450"/>
      <c r="C105" s="450"/>
      <c r="D105" s="451"/>
      <c r="E105" s="450" t="s">
        <v>459</v>
      </c>
      <c r="F105" s="450"/>
      <c r="G105" s="450"/>
      <c r="H105" s="450"/>
      <c r="I105" s="449" t="s">
        <v>460</v>
      </c>
      <c r="J105" s="450"/>
      <c r="K105" s="450"/>
      <c r="L105" s="451"/>
      <c r="M105" s="282" t="s">
        <v>461</v>
      </c>
      <c r="AH105" s="149"/>
      <c r="AN105" s="149"/>
      <c r="AP105" s="104"/>
    </row>
    <row r="106" spans="1:42" ht="15.95" customHeight="1" x14ac:dyDescent="0.15">
      <c r="A106" s="162"/>
      <c r="B106" s="153"/>
      <c r="C106" s="153"/>
      <c r="D106" s="154"/>
      <c r="E106" s="153"/>
      <c r="F106" s="153"/>
      <c r="G106" s="153"/>
      <c r="H106" s="153"/>
      <c r="I106" s="162"/>
      <c r="J106" s="153"/>
      <c r="K106" s="153"/>
      <c r="L106" s="154"/>
      <c r="M106" s="121"/>
      <c r="N106" s="151" t="s">
        <v>7</v>
      </c>
      <c r="O106" s="92" t="s">
        <v>462</v>
      </c>
      <c r="AG106" s="104"/>
      <c r="AH106" s="149"/>
      <c r="AN106" s="149"/>
      <c r="AP106" s="104"/>
    </row>
    <row r="107" spans="1:42" ht="15.95" customHeight="1" x14ac:dyDescent="0.15">
      <c r="A107" s="162"/>
      <c r="B107" s="153"/>
      <c r="C107" s="153"/>
      <c r="D107" s="153"/>
      <c r="E107" s="162"/>
      <c r="F107" s="153"/>
      <c r="G107" s="153"/>
      <c r="H107" s="153"/>
      <c r="I107" s="162"/>
      <c r="J107" s="153"/>
      <c r="K107" s="153"/>
      <c r="L107" s="154"/>
      <c r="M107" s="121"/>
      <c r="N107" s="151" t="s">
        <v>7</v>
      </c>
      <c r="O107" s="92" t="s">
        <v>463</v>
      </c>
      <c r="Q107" s="92" t="s">
        <v>464</v>
      </c>
      <c r="AG107" s="104"/>
      <c r="AH107" s="149"/>
      <c r="AN107" s="149"/>
      <c r="AP107" s="104"/>
    </row>
    <row r="108" spans="1:42" ht="15.95" customHeight="1" x14ac:dyDescent="0.15">
      <c r="A108" s="162"/>
      <c r="B108" s="153"/>
      <c r="C108" s="153"/>
      <c r="D108" s="153"/>
      <c r="E108" s="162"/>
      <c r="F108" s="153"/>
      <c r="G108" s="153"/>
      <c r="H108" s="153"/>
      <c r="I108" s="162"/>
      <c r="J108" s="153"/>
      <c r="K108" s="153"/>
      <c r="L108" s="153"/>
      <c r="M108" s="121"/>
      <c r="N108" s="151"/>
      <c r="O108" s="151" t="s">
        <v>7</v>
      </c>
      <c r="P108" s="92" t="s">
        <v>465</v>
      </c>
      <c r="Q108" s="92"/>
      <c r="AH108" s="149"/>
      <c r="AN108" s="149"/>
      <c r="AP108" s="104"/>
    </row>
    <row r="109" spans="1:42" ht="15.95" customHeight="1" x14ac:dyDescent="0.15">
      <c r="A109" s="162"/>
      <c r="B109" s="153"/>
      <c r="C109" s="153"/>
      <c r="D109" s="153"/>
      <c r="E109" s="162"/>
      <c r="F109" s="153"/>
      <c r="G109" s="153"/>
      <c r="H109" s="153"/>
      <c r="I109" s="162"/>
      <c r="J109" s="153"/>
      <c r="K109" s="153"/>
      <c r="L109" s="153"/>
      <c r="M109" s="283" t="s">
        <v>466</v>
      </c>
      <c r="AH109" s="149"/>
      <c r="AN109" s="149"/>
      <c r="AP109" s="104"/>
    </row>
    <row r="110" spans="1:42" ht="15.95" customHeight="1" x14ac:dyDescent="0.15">
      <c r="A110" s="149"/>
      <c r="E110" s="149"/>
      <c r="I110" s="149"/>
      <c r="M110" s="283" t="s">
        <v>467</v>
      </c>
      <c r="AH110" s="149"/>
      <c r="AN110" s="149"/>
      <c r="AP110" s="104"/>
    </row>
    <row r="111" spans="1:42" ht="15.95" customHeight="1" x14ac:dyDescent="0.15">
      <c r="A111" s="219"/>
      <c r="B111" s="116"/>
      <c r="C111" s="116"/>
      <c r="D111" s="116"/>
      <c r="E111" s="219"/>
      <c r="F111" s="116"/>
      <c r="G111" s="116"/>
      <c r="H111" s="116"/>
      <c r="I111" s="219"/>
      <c r="J111" s="116"/>
      <c r="K111" s="116"/>
      <c r="L111" s="116"/>
      <c r="M111" s="219"/>
      <c r="N111" s="126" t="s">
        <v>7</v>
      </c>
      <c r="O111" s="105" t="s">
        <v>462</v>
      </c>
      <c r="P111" s="116"/>
      <c r="Q111" s="116"/>
      <c r="R111" s="116"/>
      <c r="S111" s="116"/>
      <c r="T111" s="116"/>
      <c r="U111" s="116"/>
      <c r="V111" s="116"/>
      <c r="W111" s="116"/>
      <c r="X111" s="116"/>
      <c r="Y111" s="116"/>
      <c r="Z111" s="116"/>
      <c r="AA111" s="116"/>
      <c r="AB111" s="116"/>
      <c r="AC111" s="116"/>
      <c r="AD111" s="116"/>
      <c r="AE111" s="116"/>
      <c r="AF111" s="116"/>
      <c r="AG111" s="116"/>
      <c r="AH111" s="219"/>
      <c r="AI111" s="116"/>
      <c r="AJ111" s="116"/>
      <c r="AK111" s="116"/>
      <c r="AL111" s="116"/>
      <c r="AM111" s="116"/>
      <c r="AN111" s="219"/>
      <c r="AO111" s="116"/>
      <c r="AP111" s="106"/>
    </row>
    <row r="112" spans="1:42" ht="15.95" customHeight="1" x14ac:dyDescent="0.15">
      <c r="A112" s="437" t="s">
        <v>762</v>
      </c>
      <c r="B112" s="438"/>
      <c r="C112" s="438"/>
      <c r="D112" s="438"/>
      <c r="E112" s="437"/>
      <c r="F112" s="438"/>
      <c r="G112" s="438"/>
      <c r="H112" s="439"/>
      <c r="I112" s="438" t="s">
        <v>763</v>
      </c>
      <c r="J112" s="438"/>
      <c r="K112" s="438"/>
      <c r="L112" s="438"/>
      <c r="M112" s="348" t="s">
        <v>764</v>
      </c>
      <c r="N112" s="114"/>
      <c r="O112" s="114"/>
      <c r="P112" s="114"/>
      <c r="Q112" s="114"/>
      <c r="R112" s="114"/>
      <c r="S112" s="114"/>
      <c r="T112" s="114"/>
      <c r="U112" s="114"/>
      <c r="V112" s="114"/>
      <c r="W112" s="114"/>
      <c r="X112" s="114"/>
      <c r="Y112" s="114"/>
      <c r="Z112" s="114"/>
      <c r="AA112" s="114"/>
      <c r="AB112" s="114"/>
      <c r="AC112" s="114"/>
      <c r="AD112" s="114"/>
      <c r="AE112" s="114"/>
      <c r="AF112" s="114"/>
      <c r="AG112" s="99"/>
      <c r="AH112" s="138" t="s">
        <v>7</v>
      </c>
      <c r="AI112" s="98" t="s">
        <v>458</v>
      </c>
      <c r="AJ112" s="114"/>
      <c r="AK112" s="114"/>
      <c r="AL112" s="114"/>
      <c r="AM112" s="114"/>
      <c r="AN112" s="263"/>
      <c r="AO112" s="114"/>
      <c r="AP112" s="99"/>
    </row>
    <row r="113" spans="1:42" ht="15.95" customHeight="1" x14ac:dyDescent="0.15">
      <c r="A113" s="449" t="s">
        <v>459</v>
      </c>
      <c r="B113" s="450"/>
      <c r="C113" s="450"/>
      <c r="D113" s="450"/>
      <c r="E113" s="449"/>
      <c r="F113" s="450"/>
      <c r="G113" s="450"/>
      <c r="H113" s="451"/>
      <c r="I113" s="450" t="s">
        <v>765</v>
      </c>
      <c r="J113" s="450"/>
      <c r="K113" s="450"/>
      <c r="L113" s="450"/>
      <c r="M113" s="349"/>
      <c r="N113" s="151" t="s">
        <v>7</v>
      </c>
      <c r="O113" s="92" t="s">
        <v>462</v>
      </c>
      <c r="AG113" s="104"/>
      <c r="AH113" s="149"/>
      <c r="AI113" s="92"/>
      <c r="AN113" s="149"/>
      <c r="AP113" s="104"/>
    </row>
    <row r="114" spans="1:42" ht="15.95" customHeight="1" x14ac:dyDescent="0.15">
      <c r="A114" s="162"/>
      <c r="B114" s="153"/>
      <c r="C114" s="153"/>
      <c r="D114" s="153"/>
      <c r="E114" s="162"/>
      <c r="F114" s="153"/>
      <c r="G114" s="153"/>
      <c r="H114" s="154"/>
      <c r="I114" s="153"/>
      <c r="J114" s="153"/>
      <c r="K114" s="153"/>
      <c r="L114" s="153"/>
      <c r="M114" s="349" t="s">
        <v>766</v>
      </c>
      <c r="N114" s="151"/>
      <c r="O114" s="92"/>
      <c r="AG114" s="104"/>
      <c r="AH114" s="149"/>
      <c r="AI114" s="92"/>
      <c r="AN114" s="149"/>
      <c r="AP114" s="104"/>
    </row>
    <row r="115" spans="1:42" ht="15.95" customHeight="1" x14ac:dyDescent="0.15">
      <c r="A115" s="162"/>
      <c r="B115" s="153"/>
      <c r="C115" s="153"/>
      <c r="D115" s="153"/>
      <c r="E115" s="162"/>
      <c r="F115" s="153"/>
      <c r="G115" s="153"/>
      <c r="H115" s="154"/>
      <c r="I115" s="153"/>
      <c r="J115" s="153"/>
      <c r="K115" s="153"/>
      <c r="L115" s="153"/>
      <c r="M115" s="349" t="s">
        <v>767</v>
      </c>
      <c r="N115" s="151"/>
      <c r="O115" s="92"/>
      <c r="Q115" s="92"/>
      <c r="AG115" s="104"/>
      <c r="AH115" s="149"/>
      <c r="AI115" s="92"/>
      <c r="AN115" s="149"/>
      <c r="AP115" s="104"/>
    </row>
    <row r="116" spans="1:42" ht="15.95" customHeight="1" x14ac:dyDescent="0.15">
      <c r="A116" s="162"/>
      <c r="B116" s="153"/>
      <c r="C116" s="153"/>
      <c r="D116" s="153"/>
      <c r="E116" s="162"/>
      <c r="F116" s="153"/>
      <c r="G116" s="153"/>
      <c r="H116" s="154"/>
      <c r="I116" s="153"/>
      <c r="J116" s="153"/>
      <c r="K116" s="153"/>
      <c r="L116" s="153"/>
      <c r="M116" s="121"/>
      <c r="N116" s="151" t="s">
        <v>7</v>
      </c>
      <c r="O116" s="92" t="s">
        <v>462</v>
      </c>
      <c r="P116" s="92"/>
      <c r="Q116" s="92"/>
      <c r="AG116" s="104"/>
      <c r="AH116" s="149"/>
      <c r="AI116" s="92"/>
      <c r="AN116" s="149"/>
      <c r="AP116" s="104"/>
    </row>
    <row r="117" spans="1:42" ht="15.95" customHeight="1" x14ac:dyDescent="0.15">
      <c r="A117" s="162"/>
      <c r="B117" s="153"/>
      <c r="C117" s="153"/>
      <c r="D117" s="153"/>
      <c r="E117" s="162"/>
      <c r="F117" s="153"/>
      <c r="G117" s="153"/>
      <c r="H117" s="154"/>
      <c r="I117" s="153"/>
      <c r="J117" s="153"/>
      <c r="K117" s="153"/>
      <c r="L117" s="153"/>
      <c r="M117" s="349" t="s">
        <v>768</v>
      </c>
      <c r="AG117" s="104"/>
      <c r="AH117" s="149"/>
      <c r="AI117" s="92"/>
      <c r="AN117" s="149"/>
      <c r="AP117" s="104"/>
    </row>
    <row r="118" spans="1:42" ht="15.95" customHeight="1" x14ac:dyDescent="0.15">
      <c r="A118" s="149"/>
      <c r="E118" s="149"/>
      <c r="H118" s="104"/>
      <c r="M118" s="349" t="s">
        <v>769</v>
      </c>
      <c r="N118" s="151"/>
      <c r="AG118" s="104"/>
      <c r="AH118" s="149"/>
      <c r="AI118" s="92"/>
      <c r="AN118" s="149"/>
      <c r="AP118" s="104"/>
    </row>
    <row r="119" spans="1:42" ht="15.95" customHeight="1" x14ac:dyDescent="0.15">
      <c r="A119" s="149"/>
      <c r="E119" s="149"/>
      <c r="H119" s="104"/>
      <c r="M119" s="146"/>
      <c r="N119" s="151" t="s">
        <v>7</v>
      </c>
      <c r="O119" s="92" t="s">
        <v>462</v>
      </c>
      <c r="AG119" s="104"/>
      <c r="AH119" s="149"/>
      <c r="AI119" s="92"/>
      <c r="AN119" s="149"/>
      <c r="AP119" s="104"/>
    </row>
    <row r="120" spans="1:42" ht="15.95" customHeight="1" x14ac:dyDescent="0.15">
      <c r="A120" s="149"/>
      <c r="E120" s="149"/>
      <c r="H120" s="104"/>
      <c r="M120" s="149"/>
      <c r="N120" s="151" t="s">
        <v>7</v>
      </c>
      <c r="O120" s="92" t="s">
        <v>463</v>
      </c>
      <c r="Q120" s="91" t="s">
        <v>25</v>
      </c>
      <c r="R120" s="479"/>
      <c r="S120" s="479"/>
      <c r="T120" s="479"/>
      <c r="U120" s="479"/>
      <c r="V120" s="479"/>
      <c r="W120" s="479"/>
      <c r="X120" s="479"/>
      <c r="Y120" s="479"/>
      <c r="Z120" s="479"/>
      <c r="AA120" s="479"/>
      <c r="AB120" s="91" t="s">
        <v>26</v>
      </c>
      <c r="AG120" s="104"/>
      <c r="AH120" s="149"/>
      <c r="AN120" s="149"/>
      <c r="AP120" s="104"/>
    </row>
    <row r="121" spans="1:42" ht="15.95" customHeight="1" x14ac:dyDescent="0.15">
      <c r="A121" s="219"/>
      <c r="B121" s="116"/>
      <c r="C121" s="116"/>
      <c r="D121" s="116"/>
      <c r="E121" s="219"/>
      <c r="F121" s="116"/>
      <c r="G121" s="116"/>
      <c r="H121" s="106"/>
      <c r="I121" s="116"/>
      <c r="J121" s="116"/>
      <c r="K121" s="116"/>
      <c r="L121" s="116"/>
      <c r="M121" s="219"/>
      <c r="N121" s="116"/>
      <c r="O121" s="126" t="s">
        <v>7</v>
      </c>
      <c r="P121" s="350" t="s">
        <v>770</v>
      </c>
      <c r="Q121" s="116"/>
      <c r="R121" s="116"/>
      <c r="S121" s="116"/>
      <c r="T121" s="116"/>
      <c r="U121" s="116"/>
      <c r="V121" s="116"/>
      <c r="W121" s="116"/>
      <c r="X121" s="116"/>
      <c r="Y121" s="116"/>
      <c r="Z121" s="116"/>
      <c r="AA121" s="116"/>
      <c r="AB121" s="116"/>
      <c r="AC121" s="116"/>
      <c r="AD121" s="116"/>
      <c r="AE121" s="116"/>
      <c r="AF121" s="116"/>
      <c r="AG121" s="106"/>
      <c r="AH121" s="219"/>
      <c r="AI121" s="116"/>
      <c r="AJ121" s="116"/>
      <c r="AK121" s="116"/>
      <c r="AL121" s="116"/>
      <c r="AM121" s="116"/>
      <c r="AN121" s="219"/>
      <c r="AO121" s="116"/>
      <c r="AP121" s="106"/>
    </row>
    <row r="122" spans="1:42" ht="15.95" customHeight="1" x14ac:dyDescent="0.15">
      <c r="A122" s="91" t="s">
        <v>743</v>
      </c>
    </row>
    <row r="123" spans="1:42" ht="15.95" customHeight="1" x14ac:dyDescent="0.15"/>
    <row r="124" spans="1:42" ht="15.95" customHeight="1" x14ac:dyDescent="0.15"/>
    <row r="125" spans="1:42" ht="15.95" customHeight="1" x14ac:dyDescent="0.15"/>
    <row r="126" spans="1:42" ht="15.95" customHeight="1" x14ac:dyDescent="0.15"/>
    <row r="127" spans="1:42" ht="15.95" customHeight="1" x14ac:dyDescent="0.15"/>
    <row r="128" spans="1:42"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sheetData>
  <mergeCells count="131">
    <mergeCell ref="A113:D113"/>
    <mergeCell ref="E113:H113"/>
    <mergeCell ref="I113:L113"/>
    <mergeCell ref="R120:AA120"/>
    <mergeCell ref="A105:D105"/>
    <mergeCell ref="E105:H105"/>
    <mergeCell ref="I105:L105"/>
    <mergeCell ref="A112:D112"/>
    <mergeCell ref="E112:H112"/>
    <mergeCell ref="I112:L112"/>
    <mergeCell ref="A100:D100"/>
    <mergeCell ref="I100:L100"/>
    <mergeCell ref="A102:D102"/>
    <mergeCell ref="E102:H102"/>
    <mergeCell ref="I102:L102"/>
    <mergeCell ref="A104:D104"/>
    <mergeCell ref="E104:H104"/>
    <mergeCell ref="I104:L104"/>
    <mergeCell ref="T95:W95"/>
    <mergeCell ref="O97:P97"/>
    <mergeCell ref="T97:W97"/>
    <mergeCell ref="T98:W98"/>
    <mergeCell ref="A99:D99"/>
    <mergeCell ref="E99:H99"/>
    <mergeCell ref="I99:L99"/>
    <mergeCell ref="T99:U99"/>
    <mergeCell ref="E93:H93"/>
    <mergeCell ref="I93:L93"/>
    <mergeCell ref="I94:L94"/>
    <mergeCell ref="A95:D95"/>
    <mergeCell ref="E95:H95"/>
    <mergeCell ref="I95:L95"/>
    <mergeCell ref="S86:Y86"/>
    <mergeCell ref="S87:Y87"/>
    <mergeCell ref="S88:Y88"/>
    <mergeCell ref="I89:L90"/>
    <mergeCell ref="P89:Y89"/>
    <mergeCell ref="I91:L92"/>
    <mergeCell ref="P91:Y91"/>
    <mergeCell ref="E75:H92"/>
    <mergeCell ref="I75:L76"/>
    <mergeCell ref="P75:AE75"/>
    <mergeCell ref="I77:L78"/>
    <mergeCell ref="P77:AE77"/>
    <mergeCell ref="I79:L80"/>
    <mergeCell ref="P79:AE79"/>
    <mergeCell ref="I81:L85"/>
    <mergeCell ref="S81:AE81"/>
    <mergeCell ref="I86:L88"/>
    <mergeCell ref="U66:X66"/>
    <mergeCell ref="U67:X67"/>
    <mergeCell ref="U68:X68"/>
    <mergeCell ref="I69:L70"/>
    <mergeCell ref="I71:L73"/>
    <mergeCell ref="R72:T72"/>
    <mergeCell ref="R73:T73"/>
    <mergeCell ref="I59:L59"/>
    <mergeCell ref="A60:D61"/>
    <mergeCell ref="E60:H74"/>
    <mergeCell ref="I60:L65"/>
    <mergeCell ref="O61:S61"/>
    <mergeCell ref="O63:S63"/>
    <mergeCell ref="O65:S65"/>
    <mergeCell ref="I66:L68"/>
    <mergeCell ref="I74:L74"/>
    <mergeCell ref="Z36:AD36"/>
    <mergeCell ref="I49:L57"/>
    <mergeCell ref="R50:X50"/>
    <mergeCell ref="T55:AB55"/>
    <mergeCell ref="T56:V56"/>
    <mergeCell ref="T57:AB57"/>
    <mergeCell ref="E58:H58"/>
    <mergeCell ref="I58:L58"/>
    <mergeCell ref="E37:H40"/>
    <mergeCell ref="I37:L38"/>
    <mergeCell ref="O38:S38"/>
    <mergeCell ref="I39:L40"/>
    <mergeCell ref="O40:S40"/>
    <mergeCell ref="E41:H48"/>
    <mergeCell ref="I41:L42"/>
    <mergeCell ref="R41:U41"/>
    <mergeCell ref="I43:L44"/>
    <mergeCell ref="I45:L48"/>
    <mergeCell ref="P16:AC16"/>
    <mergeCell ref="P17:R17"/>
    <mergeCell ref="AA17:AB17"/>
    <mergeCell ref="P18:AC18"/>
    <mergeCell ref="P19:R19"/>
    <mergeCell ref="AA19:AB19"/>
    <mergeCell ref="P27:R27"/>
    <mergeCell ref="AA27:AB27"/>
    <mergeCell ref="E28:H36"/>
    <mergeCell ref="I28:L32"/>
    <mergeCell ref="M28:AG28"/>
    <mergeCell ref="N30:P30"/>
    <mergeCell ref="T30:AC30"/>
    <mergeCell ref="N31:P31"/>
    <mergeCell ref="T31:AC31"/>
    <mergeCell ref="N32:P32"/>
    <mergeCell ref="T32:AC32"/>
    <mergeCell ref="I33:L36"/>
    <mergeCell ref="N34:O34"/>
    <mergeCell ref="R34:V34"/>
    <mergeCell ref="Z34:AD34"/>
    <mergeCell ref="R35:V35"/>
    <mergeCell ref="Z35:AD35"/>
    <mergeCell ref="R36:V36"/>
    <mergeCell ref="AH3:AM4"/>
    <mergeCell ref="AN3:AP3"/>
    <mergeCell ref="E4:H4"/>
    <mergeCell ref="I4:L4"/>
    <mergeCell ref="M4:AG4"/>
    <mergeCell ref="AN4:AP4"/>
    <mergeCell ref="E5:L10"/>
    <mergeCell ref="A6:D6"/>
    <mergeCell ref="A7:D7"/>
    <mergeCell ref="B9:D11"/>
    <mergeCell ref="E11:H27"/>
    <mergeCell ref="I11:L13"/>
    <mergeCell ref="I14:L27"/>
    <mergeCell ref="A3:D4"/>
    <mergeCell ref="E3:H3"/>
    <mergeCell ref="I3:AG3"/>
    <mergeCell ref="U20:AC20"/>
    <mergeCell ref="P21:R21"/>
    <mergeCell ref="U22:AC22"/>
    <mergeCell ref="P23:R23"/>
    <mergeCell ref="AA23:AB23"/>
    <mergeCell ref="P25:R25"/>
    <mergeCell ref="AA25:AB25"/>
    <mergeCell ref="P14:AC14"/>
  </mergeCells>
  <phoneticPr fontId="20"/>
  <dataValidations count="1">
    <dataValidation type="list" allowBlank="1" showInputMessage="1" showErrorMessage="1" sqref="N9:N10 AH28:AH29 M91 S11:S13 Y11:Y12 AB46 X58:X59 AH5 AH11 AH14:AH16 AH37:AH38 AH41:AH44 M43:M44 M46:M47 R46 W46 V48 N48 M49 AH49:AH52 N50:N52 X54 X56 M56 Q54 Q56 AH60:AH63 AH75:AH78 M53:M54 A9 AL14:AL15 AL18 AL28:AL29 AL32 AL49:AL50 AL54 AL75:AL76 AL79 M86:M89 M11:M13 M69 M71 M74:M75 M77 M79 M81 R82:R85 X82 M37 M39 AH95 O121 N100 AH99:AH100 AH102 O108 M5 M8 N6:N7 T5 X5 M93:M94 X93:X94 AA58:AA59 M58:M59 N106:N108 N111 AH104 AA93:AA94 AH112 N113:N116 N119:N120 M102">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rowBreaks count="1" manualBreakCount="1">
    <brk id="59" max="46"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U239"/>
  <sheetViews>
    <sheetView showGridLines="0" view="pageBreakPreview" zoomScale="85" zoomScaleNormal="85" zoomScaleSheetLayoutView="85" workbookViewId="0"/>
  </sheetViews>
  <sheetFormatPr defaultRowHeight="12" x14ac:dyDescent="0.15"/>
  <cols>
    <col min="1" max="70" width="2.625" style="91" customWidth="1"/>
    <col min="71" max="16384" width="9" style="91"/>
  </cols>
  <sheetData>
    <row r="1" spans="1:47" ht="30" customHeight="1" x14ac:dyDescent="0.15">
      <c r="A1" s="87" t="s">
        <v>468</v>
      </c>
      <c r="B1" s="88"/>
      <c r="C1" s="88"/>
      <c r="D1" s="88"/>
      <c r="E1" s="88"/>
      <c r="F1" s="89"/>
      <c r="G1" s="89"/>
      <c r="H1" s="89"/>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M1" s="89"/>
      <c r="AN1" s="230"/>
      <c r="AO1" s="230"/>
      <c r="AP1" s="230"/>
      <c r="AQ1" s="230"/>
      <c r="AR1" s="230"/>
      <c r="AS1" s="230"/>
      <c r="AT1" s="230"/>
      <c r="AU1" s="90" t="s">
        <v>53</v>
      </c>
    </row>
    <row r="2" spans="1:47" ht="15.95" customHeight="1" x14ac:dyDescent="0.15">
      <c r="A2" s="131"/>
      <c r="B2" s="131"/>
      <c r="C2" s="131"/>
      <c r="D2" s="131"/>
      <c r="E2" s="131"/>
      <c r="F2" s="131"/>
      <c r="G2" s="131"/>
      <c r="H2" s="131"/>
      <c r="I2" s="124"/>
      <c r="J2" s="101"/>
      <c r="K2" s="92"/>
      <c r="L2" s="92"/>
      <c r="N2" s="92"/>
      <c r="O2" s="92"/>
      <c r="P2" s="92"/>
      <c r="U2" s="132"/>
      <c r="V2" s="132"/>
      <c r="W2" s="132"/>
      <c r="X2" s="132"/>
      <c r="Y2" s="132"/>
      <c r="Z2" s="132"/>
      <c r="AA2" s="132"/>
      <c r="AB2" s="132"/>
      <c r="AC2" s="132"/>
      <c r="AD2" s="132"/>
      <c r="AE2" s="132"/>
      <c r="AF2" s="132"/>
      <c r="AG2" s="132"/>
      <c r="AH2" s="101"/>
      <c r="AI2" s="92"/>
      <c r="AJ2" s="92"/>
      <c r="AK2" s="92"/>
      <c r="AM2" s="92"/>
      <c r="AN2" s="92"/>
    </row>
    <row r="3" spans="1:47" ht="15.95" customHeight="1" x14ac:dyDescent="0.15">
      <c r="A3" s="452" t="s">
        <v>55</v>
      </c>
      <c r="B3" s="453"/>
      <c r="C3" s="453"/>
      <c r="D3" s="453"/>
      <c r="E3" s="437" t="s">
        <v>56</v>
      </c>
      <c r="F3" s="438"/>
      <c r="G3" s="438"/>
      <c r="H3" s="439"/>
      <c r="I3" s="459" t="s">
        <v>836</v>
      </c>
      <c r="J3" s="459"/>
      <c r="K3" s="459"/>
      <c r="L3" s="459"/>
      <c r="M3" s="459"/>
      <c r="N3" s="459"/>
      <c r="O3" s="459"/>
      <c r="P3" s="459"/>
      <c r="Q3" s="459"/>
      <c r="R3" s="459"/>
      <c r="S3" s="459"/>
      <c r="T3" s="459"/>
      <c r="U3" s="459"/>
      <c r="V3" s="459"/>
      <c r="W3" s="459"/>
      <c r="X3" s="459"/>
      <c r="Y3" s="459"/>
      <c r="Z3" s="459"/>
      <c r="AA3" s="459"/>
      <c r="AB3" s="459"/>
      <c r="AC3" s="459"/>
      <c r="AD3" s="459"/>
      <c r="AE3" s="459"/>
      <c r="AF3" s="459"/>
      <c r="AG3" s="459"/>
      <c r="AH3" s="460" t="s">
        <v>59</v>
      </c>
      <c r="AI3" s="460"/>
      <c r="AJ3" s="460"/>
      <c r="AK3" s="460"/>
      <c r="AL3" s="460"/>
      <c r="AM3" s="460"/>
      <c r="AN3" s="440" t="s">
        <v>838</v>
      </c>
      <c r="AO3" s="453"/>
      <c r="AP3" s="453"/>
      <c r="AQ3" s="453"/>
      <c r="AR3" s="453"/>
      <c r="AS3" s="453"/>
      <c r="AT3" s="453"/>
      <c r="AU3" s="454"/>
    </row>
    <row r="4" spans="1:47" ht="15.95" customHeight="1" x14ac:dyDescent="0.15">
      <c r="A4" s="455"/>
      <c r="B4" s="456"/>
      <c r="C4" s="456"/>
      <c r="D4" s="456"/>
      <c r="E4" s="461" t="s">
        <v>61</v>
      </c>
      <c r="F4" s="462"/>
      <c r="G4" s="462"/>
      <c r="H4" s="463"/>
      <c r="I4" s="465" t="s">
        <v>61</v>
      </c>
      <c r="J4" s="465"/>
      <c r="K4" s="465"/>
      <c r="L4" s="466"/>
      <c r="M4" s="458" t="s">
        <v>60</v>
      </c>
      <c r="N4" s="459"/>
      <c r="O4" s="459"/>
      <c r="P4" s="459"/>
      <c r="Q4" s="459"/>
      <c r="R4" s="459"/>
      <c r="S4" s="459"/>
      <c r="T4" s="459"/>
      <c r="U4" s="459"/>
      <c r="V4" s="459"/>
      <c r="W4" s="459"/>
      <c r="X4" s="459"/>
      <c r="Y4" s="459"/>
      <c r="Z4" s="459"/>
      <c r="AA4" s="459"/>
      <c r="AB4" s="459"/>
      <c r="AC4" s="459"/>
      <c r="AD4" s="459"/>
      <c r="AE4" s="459"/>
      <c r="AF4" s="459"/>
      <c r="AG4" s="459"/>
      <c r="AH4" s="433"/>
      <c r="AI4" s="433"/>
      <c r="AJ4" s="433"/>
      <c r="AK4" s="433"/>
      <c r="AL4" s="433"/>
      <c r="AM4" s="433"/>
      <c r="AN4" s="455"/>
      <c r="AO4" s="456"/>
      <c r="AP4" s="456"/>
      <c r="AQ4" s="456"/>
      <c r="AR4" s="456"/>
      <c r="AS4" s="456"/>
      <c r="AT4" s="456"/>
      <c r="AU4" s="457"/>
    </row>
    <row r="5" spans="1:47" ht="15.95" customHeight="1" x14ac:dyDescent="0.15">
      <c r="A5" s="586" t="s">
        <v>63</v>
      </c>
      <c r="B5" s="587"/>
      <c r="C5" s="587"/>
      <c r="D5" s="587"/>
      <c r="E5" s="596" t="s">
        <v>469</v>
      </c>
      <c r="F5" s="510"/>
      <c r="G5" s="510"/>
      <c r="H5" s="597"/>
      <c r="I5" s="449" t="s">
        <v>470</v>
      </c>
      <c r="J5" s="450"/>
      <c r="K5" s="450"/>
      <c r="L5" s="451"/>
      <c r="M5" s="151" t="s">
        <v>7</v>
      </c>
      <c r="N5" s="103" t="s">
        <v>471</v>
      </c>
      <c r="O5" s="102"/>
      <c r="P5" s="102"/>
      <c r="Q5" s="102"/>
      <c r="R5" s="102"/>
      <c r="S5" s="103"/>
      <c r="T5" s="102"/>
      <c r="U5" s="103" t="s">
        <v>472</v>
      </c>
      <c r="V5" s="102"/>
      <c r="W5" s="102"/>
      <c r="X5" s="102"/>
      <c r="Y5" s="102"/>
      <c r="Z5" s="102"/>
      <c r="AA5" s="102"/>
      <c r="AB5" s="102"/>
      <c r="AC5" s="102"/>
      <c r="AD5" s="102"/>
      <c r="AE5" s="102"/>
      <c r="AF5" s="102"/>
      <c r="AG5" s="102"/>
      <c r="AH5" s="146" t="s">
        <v>7</v>
      </c>
      <c r="AI5" s="92" t="s">
        <v>363</v>
      </c>
      <c r="AJ5" s="92"/>
      <c r="AK5" s="102"/>
      <c r="AL5" s="151"/>
      <c r="AM5" s="156"/>
      <c r="AN5" s="146"/>
      <c r="AO5" s="92"/>
      <c r="AS5" s="206"/>
      <c r="AT5" s="206"/>
      <c r="AU5" s="217"/>
    </row>
    <row r="6" spans="1:47" ht="15.95" customHeight="1" x14ac:dyDescent="0.15">
      <c r="A6" s="586" t="s">
        <v>70</v>
      </c>
      <c r="B6" s="587"/>
      <c r="C6" s="587"/>
      <c r="D6" s="587"/>
      <c r="E6" s="162"/>
      <c r="F6" s="153"/>
      <c r="G6" s="153"/>
      <c r="H6" s="154"/>
      <c r="I6" s="162"/>
      <c r="J6" s="153"/>
      <c r="K6" s="153"/>
      <c r="L6" s="154"/>
      <c r="M6" s="102"/>
      <c r="N6" s="102" t="s">
        <v>25</v>
      </c>
      <c r="O6" s="151" t="s">
        <v>54</v>
      </c>
      <c r="P6" s="103" t="s">
        <v>473</v>
      </c>
      <c r="Q6" s="102"/>
      <c r="S6" s="151" t="s">
        <v>54</v>
      </c>
      <c r="T6" s="103" t="s">
        <v>474</v>
      </c>
      <c r="U6" s="102"/>
      <c r="W6" s="151" t="s">
        <v>7</v>
      </c>
      <c r="X6" s="103" t="s">
        <v>0</v>
      </c>
      <c r="Y6" s="102"/>
      <c r="Z6" s="102" t="s">
        <v>26</v>
      </c>
      <c r="AA6" s="102"/>
      <c r="AB6" s="102"/>
      <c r="AC6" s="102"/>
      <c r="AD6" s="102"/>
      <c r="AE6" s="102"/>
      <c r="AF6" s="102"/>
      <c r="AG6" s="102"/>
      <c r="AH6" s="146" t="s">
        <v>7</v>
      </c>
      <c r="AI6" s="92"/>
      <c r="AJ6" s="92"/>
      <c r="AK6" s="102"/>
      <c r="AL6" s="151"/>
      <c r="AM6" s="92"/>
      <c r="AN6" s="148"/>
      <c r="AP6" s="124"/>
      <c r="AQ6" s="92"/>
      <c r="AS6" s="102"/>
      <c r="AT6" s="102"/>
      <c r="AU6" s="152"/>
    </row>
    <row r="7" spans="1:47" ht="15.95" customHeight="1" x14ac:dyDescent="0.15">
      <c r="A7" s="148"/>
      <c r="B7" s="92"/>
      <c r="C7" s="92"/>
      <c r="D7" s="92"/>
      <c r="E7" s="162"/>
      <c r="F7" s="153"/>
      <c r="G7" s="153"/>
      <c r="H7" s="154"/>
      <c r="I7" s="162"/>
      <c r="J7" s="153"/>
      <c r="K7" s="153"/>
      <c r="L7" s="154"/>
      <c r="M7" s="151" t="s">
        <v>54</v>
      </c>
      <c r="N7" s="103" t="s">
        <v>475</v>
      </c>
      <c r="O7" s="102"/>
      <c r="P7" s="102"/>
      <c r="Q7" s="102"/>
      <c r="R7" s="102"/>
      <c r="S7" s="103"/>
      <c r="T7" s="102"/>
      <c r="U7" s="103" t="s">
        <v>476</v>
      </c>
      <c r="V7" s="102"/>
      <c r="W7" s="102"/>
      <c r="X7" s="102"/>
      <c r="Y7" s="102"/>
      <c r="Z7" s="102"/>
      <c r="AA7" s="102"/>
      <c r="AB7" s="102"/>
      <c r="AC7" s="102"/>
      <c r="AD7" s="102"/>
      <c r="AE7" s="102"/>
      <c r="AF7" s="102"/>
      <c r="AG7" s="102"/>
      <c r="AH7" s="155"/>
      <c r="AI7" s="102"/>
      <c r="AJ7" s="102"/>
      <c r="AK7" s="102"/>
      <c r="AL7" s="92"/>
      <c r="AM7" s="92"/>
      <c r="AN7" s="148"/>
      <c r="AO7" s="92"/>
      <c r="AP7" s="102"/>
      <c r="AQ7" s="102"/>
      <c r="AR7" s="102"/>
      <c r="AS7" s="102"/>
      <c r="AT7" s="102"/>
      <c r="AU7" s="152"/>
    </row>
    <row r="8" spans="1:47" ht="15.95" customHeight="1" x14ac:dyDescent="0.15">
      <c r="A8" s="146" t="s">
        <v>7</v>
      </c>
      <c r="B8" s="538" t="s">
        <v>668</v>
      </c>
      <c r="C8" s="538"/>
      <c r="D8" s="538"/>
      <c r="E8" s="164"/>
      <c r="F8" s="165"/>
      <c r="G8" s="165"/>
      <c r="H8" s="166"/>
      <c r="I8" s="164"/>
      <c r="J8" s="165"/>
      <c r="K8" s="165"/>
      <c r="L8" s="166"/>
      <c r="M8" s="126" t="s">
        <v>54</v>
      </c>
      <c r="N8" s="97" t="s">
        <v>477</v>
      </c>
      <c r="O8" s="96"/>
      <c r="P8" s="96"/>
      <c r="Q8" s="96"/>
      <c r="R8" s="96"/>
      <c r="S8" s="97"/>
      <c r="T8" s="96"/>
      <c r="U8" s="97" t="s">
        <v>478</v>
      </c>
      <c r="V8" s="96"/>
      <c r="W8" s="96"/>
      <c r="X8" s="96"/>
      <c r="Y8" s="96"/>
      <c r="Z8" s="96"/>
      <c r="AA8" s="96"/>
      <c r="AB8" s="96"/>
      <c r="AC8" s="96"/>
      <c r="AD8" s="96"/>
      <c r="AE8" s="96"/>
      <c r="AF8" s="96"/>
      <c r="AG8" s="96"/>
      <c r="AH8" s="212"/>
      <c r="AI8" s="96"/>
      <c r="AJ8" s="96"/>
      <c r="AK8" s="96"/>
      <c r="AL8" s="126"/>
      <c r="AM8" s="97"/>
      <c r="AN8" s="169"/>
      <c r="AO8" s="116"/>
      <c r="AP8" s="105"/>
      <c r="AQ8" s="105"/>
      <c r="AR8" s="105"/>
      <c r="AS8" s="96"/>
      <c r="AT8" s="96"/>
      <c r="AU8" s="259"/>
    </row>
    <row r="9" spans="1:47" ht="15.95" customHeight="1" x14ac:dyDescent="0.15">
      <c r="A9" s="149"/>
      <c r="B9" s="538"/>
      <c r="C9" s="538"/>
      <c r="D9" s="538"/>
      <c r="E9" s="621" t="s">
        <v>479</v>
      </c>
      <c r="F9" s="622"/>
      <c r="G9" s="622"/>
      <c r="H9" s="623"/>
      <c r="I9" s="473" t="s">
        <v>480</v>
      </c>
      <c r="J9" s="474"/>
      <c r="K9" s="474"/>
      <c r="L9" s="475"/>
      <c r="M9" s="102" t="s">
        <v>66</v>
      </c>
      <c r="N9" s="92" t="s">
        <v>481</v>
      </c>
      <c r="O9" s="92"/>
      <c r="P9" s="103"/>
      <c r="Q9" s="103"/>
      <c r="R9" s="109"/>
      <c r="S9" s="109"/>
      <c r="U9" s="92"/>
      <c r="Z9" s="92"/>
      <c r="AH9" s="138" t="s">
        <v>7</v>
      </c>
      <c r="AI9" s="98" t="s">
        <v>363</v>
      </c>
      <c r="AJ9" s="98"/>
      <c r="AK9" s="98"/>
      <c r="AL9" s="140"/>
      <c r="AM9" s="240"/>
      <c r="AN9" s="146"/>
      <c r="AO9" s="92"/>
      <c r="AP9" s="140"/>
      <c r="AQ9" s="98"/>
      <c r="AR9" s="114"/>
      <c r="AS9" s="92"/>
      <c r="AT9" s="92"/>
      <c r="AU9" s="145"/>
    </row>
    <row r="10" spans="1:47" ht="15.95" customHeight="1" x14ac:dyDescent="0.15">
      <c r="A10" s="149"/>
      <c r="B10" s="538"/>
      <c r="C10" s="538"/>
      <c r="D10" s="538"/>
      <c r="E10" s="621" t="s">
        <v>482</v>
      </c>
      <c r="F10" s="622"/>
      <c r="G10" s="622"/>
      <c r="H10" s="623"/>
      <c r="I10" s="449" t="s">
        <v>483</v>
      </c>
      <c r="J10" s="450"/>
      <c r="K10" s="450"/>
      <c r="L10" s="451"/>
      <c r="M10" s="108"/>
      <c r="N10" s="92" t="s">
        <v>484</v>
      </c>
      <c r="O10" s="92"/>
      <c r="P10" s="92"/>
      <c r="Q10" s="92"/>
      <c r="R10" s="92"/>
      <c r="S10" s="92" t="s">
        <v>485</v>
      </c>
      <c r="T10" s="92"/>
      <c r="U10" s="92"/>
      <c r="V10" s="431"/>
      <c r="W10" s="431"/>
      <c r="X10" s="92" t="s">
        <v>337</v>
      </c>
      <c r="Y10" s="92"/>
      <c r="Z10" s="92" t="s">
        <v>486</v>
      </c>
      <c r="AA10" s="92"/>
      <c r="AB10" s="431"/>
      <c r="AC10" s="431"/>
      <c r="AD10" s="92" t="s">
        <v>337</v>
      </c>
      <c r="AE10" s="92"/>
      <c r="AF10" s="92"/>
      <c r="AH10" s="146" t="s">
        <v>7</v>
      </c>
      <c r="AI10" s="92"/>
      <c r="AJ10" s="92"/>
      <c r="AK10" s="92"/>
      <c r="AL10" s="151"/>
      <c r="AM10" s="92"/>
      <c r="AN10" s="148"/>
      <c r="AP10" s="124"/>
      <c r="AQ10" s="92"/>
      <c r="AS10" s="92"/>
      <c r="AT10" s="92"/>
      <c r="AU10" s="145"/>
    </row>
    <row r="11" spans="1:47" ht="15.95" customHeight="1" x14ac:dyDescent="0.15">
      <c r="A11" s="149"/>
      <c r="B11" s="538"/>
      <c r="C11" s="538"/>
      <c r="D11" s="538"/>
      <c r="E11" s="149"/>
      <c r="H11" s="104"/>
      <c r="I11" s="149"/>
      <c r="L11" s="104"/>
      <c r="M11" s="102"/>
      <c r="N11" s="92" t="s">
        <v>487</v>
      </c>
      <c r="O11" s="92"/>
      <c r="P11" s="92"/>
      <c r="Q11" s="92"/>
      <c r="R11" s="103"/>
      <c r="S11" s="92" t="s">
        <v>485</v>
      </c>
      <c r="T11" s="92"/>
      <c r="U11" s="92"/>
      <c r="V11" s="431"/>
      <c r="W11" s="431"/>
      <c r="X11" s="92" t="s">
        <v>337</v>
      </c>
      <c r="Y11" s="92"/>
      <c r="Z11" s="92" t="s">
        <v>486</v>
      </c>
      <c r="AA11" s="92"/>
      <c r="AB11" s="431"/>
      <c r="AC11" s="431"/>
      <c r="AD11" s="92" t="s">
        <v>337</v>
      </c>
      <c r="AE11" s="92"/>
      <c r="AF11" s="92"/>
      <c r="AG11" s="102"/>
      <c r="AH11" s="121"/>
      <c r="AI11" s="92"/>
      <c r="AJ11" s="92"/>
      <c r="AK11" s="92"/>
      <c r="AL11" s="92"/>
      <c r="AM11" s="92"/>
      <c r="AN11" s="148"/>
      <c r="AO11" s="92"/>
      <c r="AP11" s="102"/>
      <c r="AQ11" s="102"/>
      <c r="AR11" s="102"/>
      <c r="AS11" s="92"/>
      <c r="AT11" s="92"/>
      <c r="AU11" s="145"/>
    </row>
    <row r="12" spans="1:47" ht="15.95" customHeight="1" x14ac:dyDescent="0.15">
      <c r="A12" s="162"/>
      <c r="B12" s="538"/>
      <c r="C12" s="538"/>
      <c r="D12" s="538"/>
      <c r="E12" s="148"/>
      <c r="F12" s="92"/>
      <c r="G12" s="92"/>
      <c r="H12" s="145"/>
      <c r="I12" s="148"/>
      <c r="J12" s="92"/>
      <c r="K12" s="92"/>
      <c r="L12" s="145"/>
      <c r="M12" s="102" t="s">
        <v>66</v>
      </c>
      <c r="N12" s="103" t="s">
        <v>488</v>
      </c>
      <c r="O12" s="92"/>
      <c r="P12" s="92"/>
      <c r="Q12" s="92"/>
      <c r="R12" s="92"/>
      <c r="S12" s="92"/>
      <c r="T12" s="92"/>
      <c r="U12" s="92"/>
      <c r="V12" s="92"/>
      <c r="W12" s="92"/>
      <c r="X12" s="92"/>
      <c r="Y12" s="92"/>
      <c r="Z12" s="92"/>
      <c r="AA12" s="92"/>
      <c r="AB12" s="92"/>
      <c r="AC12" s="92"/>
      <c r="AD12" s="103"/>
      <c r="AE12" s="103"/>
      <c r="AF12" s="103"/>
      <c r="AG12" s="102"/>
      <c r="AH12" s="121"/>
      <c r="AI12" s="92"/>
      <c r="AJ12" s="92"/>
      <c r="AK12" s="92"/>
      <c r="AL12" s="151"/>
      <c r="AM12" s="103"/>
      <c r="AN12" s="148"/>
      <c r="AP12" s="92"/>
      <c r="AQ12" s="92"/>
      <c r="AR12" s="92"/>
      <c r="AS12" s="92"/>
      <c r="AT12" s="92"/>
      <c r="AU12" s="145"/>
    </row>
    <row r="13" spans="1:47" ht="15.95" customHeight="1" x14ac:dyDescent="0.15">
      <c r="A13" s="162"/>
      <c r="B13" s="538"/>
      <c r="C13" s="538"/>
      <c r="D13" s="538"/>
      <c r="E13" s="162"/>
      <c r="F13" s="153"/>
      <c r="G13" s="153"/>
      <c r="H13" s="154"/>
      <c r="I13" s="148"/>
      <c r="J13" s="153"/>
      <c r="K13" s="153"/>
      <c r="L13" s="154"/>
      <c r="M13" s="102"/>
      <c r="N13" s="103" t="s">
        <v>489</v>
      </c>
      <c r="O13" s="92"/>
      <c r="P13" s="92"/>
      <c r="Q13" s="92"/>
      <c r="R13" s="102"/>
      <c r="S13" s="92"/>
      <c r="T13" s="103"/>
      <c r="U13" s="102"/>
      <c r="V13" s="92"/>
      <c r="W13" s="92"/>
      <c r="X13" s="92"/>
      <c r="Y13" s="92"/>
      <c r="Z13" s="92"/>
      <c r="AA13" s="102" t="s">
        <v>25</v>
      </c>
      <c r="AB13" s="431"/>
      <c r="AC13" s="431"/>
      <c r="AD13" s="92" t="s">
        <v>337</v>
      </c>
      <c r="AE13" s="92"/>
      <c r="AF13" s="92"/>
      <c r="AG13" s="102"/>
      <c r="AH13" s="155"/>
      <c r="AI13" s="156"/>
      <c r="AJ13" s="92"/>
      <c r="AK13" s="92"/>
      <c r="AL13" s="124"/>
      <c r="AM13" s="103"/>
      <c r="AN13" s="148"/>
      <c r="AS13" s="92"/>
      <c r="AT13" s="92"/>
      <c r="AU13" s="145"/>
    </row>
    <row r="14" spans="1:47" ht="15.95" customHeight="1" x14ac:dyDescent="0.15">
      <c r="A14" s="162"/>
      <c r="B14" s="153"/>
      <c r="C14" s="153"/>
      <c r="D14" s="153"/>
      <c r="E14" s="162"/>
      <c r="F14" s="153"/>
      <c r="G14" s="153"/>
      <c r="H14" s="154"/>
      <c r="I14" s="148"/>
      <c r="J14" s="153"/>
      <c r="K14" s="153"/>
      <c r="L14" s="154"/>
      <c r="M14" s="102" t="s">
        <v>66</v>
      </c>
      <c r="N14" s="103" t="s">
        <v>490</v>
      </c>
      <c r="O14" s="92"/>
      <c r="P14" s="92"/>
      <c r="Q14" s="92"/>
      <c r="R14" s="92"/>
      <c r="S14" s="92"/>
      <c r="T14" s="92"/>
      <c r="U14" s="92"/>
      <c r="V14" s="92"/>
      <c r="W14" s="92"/>
      <c r="X14" s="92"/>
      <c r="Y14" s="92"/>
      <c r="Z14" s="92"/>
      <c r="AA14" s="102" t="s">
        <v>25</v>
      </c>
      <c r="AB14" s="431"/>
      <c r="AC14" s="431"/>
      <c r="AD14" s="92" t="s">
        <v>337</v>
      </c>
      <c r="AE14" s="92"/>
      <c r="AF14" s="92"/>
      <c r="AG14" s="92"/>
      <c r="AH14" s="148"/>
      <c r="AI14" s="92"/>
      <c r="AJ14" s="92"/>
      <c r="AK14" s="92"/>
      <c r="AL14" s="92"/>
      <c r="AM14" s="92"/>
      <c r="AN14" s="148"/>
      <c r="AS14" s="92"/>
      <c r="AT14" s="92"/>
      <c r="AU14" s="145"/>
    </row>
    <row r="15" spans="1:47" ht="15.95" customHeight="1" x14ac:dyDescent="0.15">
      <c r="A15" s="162"/>
      <c r="B15" s="153"/>
      <c r="C15" s="153"/>
      <c r="D15" s="153"/>
      <c r="E15" s="162"/>
      <c r="F15" s="153"/>
      <c r="G15" s="153"/>
      <c r="H15" s="154"/>
      <c r="I15" s="148"/>
      <c r="J15" s="153"/>
      <c r="K15" s="153"/>
      <c r="L15" s="154"/>
      <c r="M15" s="102" t="s">
        <v>66</v>
      </c>
      <c r="N15" s="103" t="s">
        <v>491</v>
      </c>
      <c r="O15" s="92"/>
      <c r="P15" s="103"/>
      <c r="Q15" s="175" t="s">
        <v>94</v>
      </c>
      <c r="R15" s="151" t="s">
        <v>7</v>
      </c>
      <c r="S15" s="92" t="s">
        <v>492</v>
      </c>
      <c r="T15" s="103"/>
      <c r="U15" s="102"/>
      <c r="W15" s="151" t="s">
        <v>54</v>
      </c>
      <c r="X15" s="92" t="s">
        <v>493</v>
      </c>
      <c r="Y15" s="103"/>
      <c r="Z15" s="102"/>
      <c r="AA15" s="92"/>
      <c r="AB15" s="92"/>
      <c r="AC15" s="92"/>
      <c r="AD15" s="103"/>
      <c r="AE15" s="103"/>
      <c r="AF15" s="103"/>
      <c r="AG15" s="102"/>
      <c r="AH15" s="148"/>
      <c r="AI15" s="92"/>
      <c r="AJ15" s="92"/>
      <c r="AK15" s="92"/>
      <c r="AL15" s="92"/>
      <c r="AM15" s="182"/>
      <c r="AN15" s="375"/>
      <c r="AS15" s="92"/>
      <c r="AT15" s="92"/>
      <c r="AU15" s="145"/>
    </row>
    <row r="16" spans="1:47" ht="15.95" customHeight="1" x14ac:dyDescent="0.15">
      <c r="A16" s="162"/>
      <c r="B16" s="153"/>
      <c r="C16" s="153"/>
      <c r="D16" s="153"/>
      <c r="E16" s="148"/>
      <c r="F16" s="92"/>
      <c r="G16" s="92"/>
      <c r="H16" s="145"/>
      <c r="I16" s="164"/>
      <c r="J16" s="165"/>
      <c r="K16" s="165"/>
      <c r="L16" s="166"/>
      <c r="M16" s="96"/>
      <c r="N16" s="96"/>
      <c r="O16" s="105"/>
      <c r="P16" s="105"/>
      <c r="Q16" s="105"/>
      <c r="R16" s="126" t="s">
        <v>54</v>
      </c>
      <c r="S16" s="105" t="s">
        <v>494</v>
      </c>
      <c r="T16" s="97"/>
      <c r="U16" s="96"/>
      <c r="V16" s="105"/>
      <c r="W16" s="126" t="s">
        <v>54</v>
      </c>
      <c r="X16" s="105" t="s">
        <v>0</v>
      </c>
      <c r="Y16" s="97"/>
      <c r="Z16" s="96" t="s">
        <v>25</v>
      </c>
      <c r="AA16" s="456"/>
      <c r="AB16" s="456"/>
      <c r="AC16" s="456"/>
      <c r="AD16" s="253" t="s">
        <v>77</v>
      </c>
      <c r="AE16" s="253"/>
      <c r="AF16" s="253"/>
      <c r="AG16" s="96"/>
      <c r="AH16" s="155"/>
      <c r="AI16" s="92"/>
      <c r="AJ16" s="92"/>
      <c r="AK16" s="92"/>
      <c r="AL16" s="92"/>
      <c r="AM16" s="92"/>
      <c r="AN16" s="148"/>
      <c r="AS16" s="92"/>
      <c r="AT16" s="92"/>
      <c r="AU16" s="145"/>
    </row>
    <row r="17" spans="1:47" ht="15.95" customHeight="1" x14ac:dyDescent="0.15">
      <c r="A17" s="162"/>
      <c r="B17" s="153"/>
      <c r="C17" s="153"/>
      <c r="D17" s="153"/>
      <c r="E17" s="148"/>
      <c r="F17" s="92"/>
      <c r="G17" s="92"/>
      <c r="H17" s="145"/>
      <c r="I17" s="437" t="s">
        <v>495</v>
      </c>
      <c r="J17" s="438"/>
      <c r="K17" s="438"/>
      <c r="L17" s="439"/>
      <c r="M17" s="102" t="s">
        <v>66</v>
      </c>
      <c r="N17" s="103" t="s">
        <v>496</v>
      </c>
      <c r="O17" s="92"/>
      <c r="P17" s="92"/>
      <c r="Q17" s="92"/>
      <c r="R17" s="102"/>
      <c r="S17" s="175" t="s">
        <v>25</v>
      </c>
      <c r="T17" s="151" t="s">
        <v>7</v>
      </c>
      <c r="U17" s="92" t="s">
        <v>497</v>
      </c>
      <c r="V17" s="92"/>
      <c r="W17" s="92"/>
      <c r="X17" s="92"/>
      <c r="Y17" s="92"/>
      <c r="Z17" s="151" t="s">
        <v>54</v>
      </c>
      <c r="AA17" s="103" t="s">
        <v>498</v>
      </c>
      <c r="AB17" s="92"/>
      <c r="AC17" s="92"/>
      <c r="AD17" s="92"/>
      <c r="AE17" s="92"/>
      <c r="AF17" s="92"/>
      <c r="AG17" s="92"/>
      <c r="AH17" s="149"/>
      <c r="AL17" s="92"/>
      <c r="AM17" s="92"/>
      <c r="AN17" s="148"/>
      <c r="AS17" s="92"/>
      <c r="AT17" s="92"/>
      <c r="AU17" s="145"/>
    </row>
    <row r="18" spans="1:47" ht="15.95" customHeight="1" x14ac:dyDescent="0.15">
      <c r="A18" s="162"/>
      <c r="B18" s="153"/>
      <c r="C18" s="153"/>
      <c r="D18" s="153"/>
      <c r="E18" s="148"/>
      <c r="F18" s="92"/>
      <c r="G18" s="92"/>
      <c r="H18" s="145"/>
      <c r="I18" s="164"/>
      <c r="J18" s="165"/>
      <c r="K18" s="165"/>
      <c r="L18" s="166"/>
      <c r="M18" s="96" t="s">
        <v>66</v>
      </c>
      <c r="N18" s="97" t="s">
        <v>482</v>
      </c>
      <c r="O18" s="105"/>
      <c r="P18" s="105"/>
      <c r="Q18" s="105"/>
      <c r="R18" s="96"/>
      <c r="S18" s="253" t="s">
        <v>25</v>
      </c>
      <c r="T18" s="96"/>
      <c r="U18" s="456"/>
      <c r="V18" s="456"/>
      <c r="W18" s="96" t="s">
        <v>499</v>
      </c>
      <c r="X18" s="96" t="s">
        <v>26</v>
      </c>
      <c r="Y18" s="102"/>
      <c r="Z18" s="92"/>
      <c r="AA18" s="92"/>
      <c r="AB18" s="102"/>
      <c r="AC18" s="102"/>
      <c r="AD18" s="102"/>
      <c r="AE18" s="102"/>
      <c r="AF18" s="102"/>
      <c r="AG18" s="102"/>
      <c r="AH18" s="219"/>
      <c r="AI18" s="116"/>
      <c r="AJ18" s="116"/>
      <c r="AK18" s="116"/>
      <c r="AL18" s="105"/>
      <c r="AM18" s="105"/>
      <c r="AN18" s="148"/>
      <c r="AS18" s="92"/>
      <c r="AT18" s="92"/>
      <c r="AU18" s="145"/>
    </row>
    <row r="19" spans="1:47" ht="15.95" customHeight="1" x14ac:dyDescent="0.15">
      <c r="A19" s="162"/>
      <c r="B19" s="153"/>
      <c r="C19" s="153"/>
      <c r="D19" s="153"/>
      <c r="E19" s="141" t="s">
        <v>500</v>
      </c>
      <c r="F19" s="98"/>
      <c r="G19" s="98"/>
      <c r="H19" s="142"/>
      <c r="I19" s="437" t="s">
        <v>501</v>
      </c>
      <c r="J19" s="438"/>
      <c r="K19" s="438"/>
      <c r="L19" s="439"/>
      <c r="M19" s="102" t="s">
        <v>66</v>
      </c>
      <c r="N19" s="103" t="s">
        <v>502</v>
      </c>
      <c r="O19" s="92"/>
      <c r="P19" s="92"/>
      <c r="Q19" s="92" t="s">
        <v>25</v>
      </c>
      <c r="R19" s="103"/>
      <c r="S19" s="92"/>
      <c r="T19" s="103"/>
      <c r="U19" s="102"/>
      <c r="V19" s="92"/>
      <c r="W19" s="102"/>
      <c r="X19" s="92"/>
      <c r="Y19" s="98"/>
      <c r="Z19" s="239"/>
      <c r="AA19" s="239"/>
      <c r="AB19" s="239"/>
      <c r="AC19" s="239"/>
      <c r="AD19" s="98" t="s">
        <v>337</v>
      </c>
      <c r="AE19" s="98"/>
      <c r="AF19" s="98"/>
      <c r="AG19" s="206"/>
      <c r="AH19" s="138" t="s">
        <v>7</v>
      </c>
      <c r="AI19" s="98" t="s">
        <v>363</v>
      </c>
      <c r="AJ19" s="98"/>
      <c r="AK19" s="98"/>
      <c r="AL19" s="208"/>
      <c r="AM19" s="98"/>
      <c r="AN19" s="148"/>
      <c r="AS19" s="92"/>
      <c r="AT19" s="92"/>
      <c r="AU19" s="145"/>
    </row>
    <row r="20" spans="1:47" ht="15.95" customHeight="1" x14ac:dyDescent="0.15">
      <c r="A20" s="162"/>
      <c r="B20" s="153"/>
      <c r="C20" s="153"/>
      <c r="D20" s="153"/>
      <c r="E20" s="169" t="s">
        <v>503</v>
      </c>
      <c r="F20" s="105"/>
      <c r="G20" s="105"/>
      <c r="H20" s="170"/>
      <c r="I20" s="169" t="s">
        <v>504</v>
      </c>
      <c r="J20" s="105"/>
      <c r="K20" s="105"/>
      <c r="L20" s="170"/>
      <c r="M20" s="96"/>
      <c r="N20" s="96"/>
      <c r="O20" s="105"/>
      <c r="P20" s="105"/>
      <c r="Q20" s="105"/>
      <c r="R20" s="96"/>
      <c r="S20" s="105"/>
      <c r="T20" s="97"/>
      <c r="U20" s="96"/>
      <c r="V20" s="105"/>
      <c r="W20" s="96"/>
      <c r="X20" s="105"/>
      <c r="Y20" s="105"/>
      <c r="Z20" s="190"/>
      <c r="AA20" s="190"/>
      <c r="AB20" s="190"/>
      <c r="AC20" s="190"/>
      <c r="AD20" s="287"/>
      <c r="AE20" s="287"/>
      <c r="AF20" s="287"/>
      <c r="AG20" s="96"/>
      <c r="AH20" s="167" t="s">
        <v>7</v>
      </c>
      <c r="AI20" s="105"/>
      <c r="AJ20" s="105"/>
      <c r="AK20" s="105"/>
      <c r="AL20" s="97"/>
      <c r="AM20" s="105"/>
      <c r="AN20" s="148"/>
      <c r="AS20" s="92"/>
      <c r="AT20" s="92"/>
      <c r="AU20" s="145"/>
    </row>
    <row r="21" spans="1:47" ht="15.95" customHeight="1" x14ac:dyDescent="0.15">
      <c r="A21" s="162"/>
      <c r="B21" s="153"/>
      <c r="C21" s="153"/>
      <c r="D21" s="153"/>
      <c r="E21" s="148" t="s">
        <v>130</v>
      </c>
      <c r="F21" s="92"/>
      <c r="G21" s="92"/>
      <c r="H21" s="145"/>
      <c r="I21" s="464" t="s">
        <v>505</v>
      </c>
      <c r="J21" s="465"/>
      <c r="K21" s="465"/>
      <c r="L21" s="466"/>
      <c r="M21" s="133"/>
      <c r="N21" s="284" t="s">
        <v>25</v>
      </c>
      <c r="O21" s="94"/>
      <c r="P21" s="94"/>
      <c r="Q21" s="94"/>
      <c r="R21" s="133"/>
      <c r="S21" s="94"/>
      <c r="T21" s="459"/>
      <c r="U21" s="459"/>
      <c r="V21" s="459"/>
      <c r="W21" s="459"/>
      <c r="X21" s="459"/>
      <c r="Y21" s="94"/>
      <c r="Z21" s="288"/>
      <c r="AA21" s="288"/>
      <c r="AB21" s="288"/>
      <c r="AC21" s="288"/>
      <c r="AD21" s="207" t="s">
        <v>79</v>
      </c>
      <c r="AE21" s="207"/>
      <c r="AF21" s="207"/>
      <c r="AG21" s="133"/>
      <c r="AH21" s="138" t="s">
        <v>7</v>
      </c>
      <c r="AI21" s="98" t="s">
        <v>363</v>
      </c>
      <c r="AJ21" s="98"/>
      <c r="AK21" s="98"/>
      <c r="AL21" s="208"/>
      <c r="AM21" s="98"/>
      <c r="AN21" s="148"/>
      <c r="AS21" s="92"/>
      <c r="AT21" s="92"/>
      <c r="AU21" s="145"/>
    </row>
    <row r="22" spans="1:47" ht="15.95" customHeight="1" x14ac:dyDescent="0.15">
      <c r="A22" s="162"/>
      <c r="B22" s="153"/>
      <c r="C22" s="153"/>
      <c r="D22" s="153"/>
      <c r="E22" s="148" t="s">
        <v>506</v>
      </c>
      <c r="F22" s="92"/>
      <c r="G22" s="92"/>
      <c r="H22" s="145"/>
      <c r="I22" s="464" t="s">
        <v>507</v>
      </c>
      <c r="J22" s="465"/>
      <c r="K22" s="465"/>
      <c r="L22" s="466"/>
      <c r="M22" s="133"/>
      <c r="N22" s="284" t="s">
        <v>25</v>
      </c>
      <c r="O22" s="94"/>
      <c r="P22" s="94"/>
      <c r="Q22" s="94"/>
      <c r="R22" s="133"/>
      <c r="S22" s="94"/>
      <c r="T22" s="459"/>
      <c r="U22" s="459"/>
      <c r="V22" s="459"/>
      <c r="W22" s="459"/>
      <c r="X22" s="459"/>
      <c r="Y22" s="94"/>
      <c r="Z22" s="288"/>
      <c r="AA22" s="288"/>
      <c r="AB22" s="288"/>
      <c r="AC22" s="288"/>
      <c r="AD22" s="289" t="s">
        <v>508</v>
      </c>
      <c r="AE22" s="289"/>
      <c r="AF22" s="289"/>
      <c r="AG22" s="133"/>
      <c r="AH22" s="146" t="s">
        <v>7</v>
      </c>
      <c r="AI22" s="92"/>
      <c r="AJ22" s="92"/>
      <c r="AK22" s="92"/>
      <c r="AL22" s="103"/>
      <c r="AM22" s="92"/>
      <c r="AN22" s="148"/>
      <c r="AS22" s="92"/>
      <c r="AT22" s="92"/>
      <c r="AU22" s="145"/>
    </row>
    <row r="23" spans="1:47" ht="15.95" customHeight="1" x14ac:dyDescent="0.15">
      <c r="A23" s="162"/>
      <c r="B23" s="153"/>
      <c r="C23" s="153"/>
      <c r="D23" s="153"/>
      <c r="E23" s="169"/>
      <c r="F23" s="105"/>
      <c r="G23" s="105"/>
      <c r="H23" s="170"/>
      <c r="I23" s="464" t="s">
        <v>509</v>
      </c>
      <c r="J23" s="465"/>
      <c r="K23" s="465"/>
      <c r="L23" s="466"/>
      <c r="M23" s="96"/>
      <c r="N23" s="284" t="s">
        <v>25</v>
      </c>
      <c r="O23" s="105"/>
      <c r="P23" s="105"/>
      <c r="Q23" s="105"/>
      <c r="R23" s="96"/>
      <c r="S23" s="105"/>
      <c r="T23" s="459"/>
      <c r="U23" s="459"/>
      <c r="V23" s="459"/>
      <c r="W23" s="459"/>
      <c r="X23" s="459"/>
      <c r="Y23" s="105"/>
      <c r="Z23" s="190"/>
      <c r="AA23" s="190"/>
      <c r="AB23" s="190"/>
      <c r="AC23" s="190"/>
      <c r="AD23" s="289" t="s">
        <v>510</v>
      </c>
      <c r="AE23" s="253"/>
      <c r="AF23" s="253"/>
      <c r="AG23" s="96"/>
      <c r="AH23" s="169"/>
      <c r="AI23" s="105"/>
      <c r="AJ23" s="105"/>
      <c r="AK23" s="105"/>
      <c r="AL23" s="97"/>
      <c r="AM23" s="105"/>
      <c r="AN23" s="148"/>
      <c r="AS23" s="92"/>
      <c r="AT23" s="92"/>
      <c r="AU23" s="145"/>
    </row>
    <row r="24" spans="1:47" ht="15.95" customHeight="1" x14ac:dyDescent="0.15">
      <c r="A24" s="162"/>
      <c r="B24" s="153"/>
      <c r="C24" s="153"/>
      <c r="D24" s="153"/>
      <c r="E24" s="148" t="s">
        <v>511</v>
      </c>
      <c r="F24" s="92"/>
      <c r="G24" s="92"/>
      <c r="H24" s="145"/>
      <c r="I24" s="437" t="s">
        <v>479</v>
      </c>
      <c r="J24" s="438"/>
      <c r="K24" s="438"/>
      <c r="L24" s="439"/>
      <c r="M24" s="102" t="s">
        <v>66</v>
      </c>
      <c r="N24" s="103" t="s">
        <v>512</v>
      </c>
      <c r="O24" s="92"/>
      <c r="P24" s="92"/>
      <c r="Q24" s="92"/>
      <c r="R24" s="102"/>
      <c r="S24" s="92"/>
      <c r="T24" s="103"/>
      <c r="U24" s="102"/>
      <c r="V24" s="92"/>
      <c r="W24" s="102"/>
      <c r="X24" s="92"/>
      <c r="Y24" s="92"/>
      <c r="Z24" s="177"/>
      <c r="AA24" s="177"/>
      <c r="AB24" s="177"/>
      <c r="AC24" s="177"/>
      <c r="AD24" s="175"/>
      <c r="AE24" s="175"/>
      <c r="AF24" s="175"/>
      <c r="AG24" s="102"/>
      <c r="AH24" s="138" t="s">
        <v>7</v>
      </c>
      <c r="AI24" s="98" t="s">
        <v>363</v>
      </c>
      <c r="AJ24" s="98"/>
      <c r="AK24" s="98"/>
      <c r="AL24" s="208"/>
      <c r="AM24" s="98"/>
      <c r="AN24" s="148"/>
      <c r="AS24" s="92"/>
      <c r="AT24" s="92"/>
      <c r="AU24" s="145"/>
    </row>
    <row r="25" spans="1:47" ht="15.95" customHeight="1" x14ac:dyDescent="0.15">
      <c r="A25" s="162"/>
      <c r="B25" s="153"/>
      <c r="C25" s="153"/>
      <c r="D25" s="153"/>
      <c r="E25" s="148"/>
      <c r="F25" s="92"/>
      <c r="G25" s="92"/>
      <c r="H25" s="145"/>
      <c r="I25" s="449" t="s">
        <v>513</v>
      </c>
      <c r="J25" s="450"/>
      <c r="K25" s="450"/>
      <c r="L25" s="451"/>
      <c r="M25" s="102"/>
      <c r="N25" s="124" t="s">
        <v>25</v>
      </c>
      <c r="O25" s="183"/>
      <c r="P25" s="92"/>
      <c r="Q25" s="92"/>
      <c r="R25" s="102"/>
      <c r="S25" s="92"/>
      <c r="T25" s="103"/>
      <c r="U25" s="102"/>
      <c r="V25" s="92"/>
      <c r="W25" s="102"/>
      <c r="X25" s="92"/>
      <c r="Y25" s="92"/>
      <c r="Z25" s="194"/>
      <c r="AA25" s="194"/>
      <c r="AC25" s="194"/>
      <c r="AD25" s="175"/>
      <c r="AE25" s="175"/>
      <c r="AF25" s="175"/>
      <c r="AG25" s="194" t="s">
        <v>26</v>
      </c>
      <c r="AH25" s="146" t="s">
        <v>7</v>
      </c>
      <c r="AI25" s="92"/>
      <c r="AJ25" s="92"/>
      <c r="AK25" s="92"/>
      <c r="AL25" s="103"/>
      <c r="AM25" s="92"/>
      <c r="AN25" s="148"/>
      <c r="AS25" s="92"/>
      <c r="AT25" s="92"/>
      <c r="AU25" s="145"/>
    </row>
    <row r="26" spans="1:47" ht="15.95" customHeight="1" x14ac:dyDescent="0.15">
      <c r="A26" s="162"/>
      <c r="B26" s="153"/>
      <c r="C26" s="153"/>
      <c r="D26" s="153"/>
      <c r="E26" s="148"/>
      <c r="F26" s="92"/>
      <c r="G26" s="92"/>
      <c r="H26" s="145"/>
      <c r="I26" s="148"/>
      <c r="J26" s="92"/>
      <c r="K26" s="92"/>
      <c r="L26" s="145"/>
      <c r="M26" s="102" t="s">
        <v>66</v>
      </c>
      <c r="N26" s="103" t="s">
        <v>514</v>
      </c>
      <c r="O26" s="92"/>
      <c r="P26" s="92"/>
      <c r="Q26" s="92"/>
      <c r="R26" s="102"/>
      <c r="S26" s="92"/>
      <c r="T26" s="103"/>
      <c r="U26" s="102"/>
      <c r="V26" s="92"/>
      <c r="W26" s="102"/>
      <c r="X26" s="92"/>
      <c r="Y26" s="92"/>
      <c r="Z26" s="194"/>
      <c r="AA26" s="194"/>
      <c r="AC26" s="194"/>
      <c r="AD26" s="175"/>
      <c r="AE26" s="175"/>
      <c r="AF26" s="175"/>
      <c r="AG26" s="177"/>
      <c r="AH26" s="148"/>
      <c r="AI26" s="92"/>
      <c r="AJ26" s="92"/>
      <c r="AK26" s="92"/>
      <c r="AL26" s="103"/>
      <c r="AM26" s="92"/>
      <c r="AN26" s="148"/>
      <c r="AS26" s="92"/>
      <c r="AT26" s="92"/>
      <c r="AU26" s="145"/>
    </row>
    <row r="27" spans="1:47" ht="15.95" customHeight="1" x14ac:dyDescent="0.15">
      <c r="A27" s="162"/>
      <c r="B27" s="153"/>
      <c r="C27" s="153"/>
      <c r="D27" s="153"/>
      <c r="E27" s="148"/>
      <c r="F27" s="92"/>
      <c r="G27" s="92"/>
      <c r="H27" s="145"/>
      <c r="I27" s="148"/>
      <c r="J27" s="92"/>
      <c r="K27" s="92"/>
      <c r="L27" s="145"/>
      <c r="M27" s="102"/>
      <c r="N27" s="124" t="s">
        <v>25</v>
      </c>
      <c r="O27" s="290"/>
      <c r="P27" s="290"/>
      <c r="Q27" s="290"/>
      <c r="R27" s="290"/>
      <c r="S27" s="290"/>
      <c r="T27" s="290"/>
      <c r="U27" s="290"/>
      <c r="V27" s="290"/>
      <c r="W27" s="290"/>
      <c r="X27" s="290"/>
      <c r="Y27" s="290"/>
      <c r="Z27" s="290"/>
      <c r="AA27" s="290"/>
      <c r="AB27" s="290"/>
      <c r="AC27" s="290"/>
      <c r="AD27" s="290"/>
      <c r="AE27" s="291"/>
      <c r="AF27" s="291"/>
      <c r="AG27" s="194" t="s">
        <v>26</v>
      </c>
      <c r="AH27" s="148"/>
      <c r="AI27" s="92"/>
      <c r="AJ27" s="92"/>
      <c r="AK27" s="92"/>
      <c r="AL27" s="103"/>
      <c r="AM27" s="92"/>
      <c r="AN27" s="148"/>
      <c r="AS27" s="92"/>
      <c r="AT27" s="92"/>
      <c r="AU27" s="145"/>
    </row>
    <row r="28" spans="1:47" ht="15.95" customHeight="1" x14ac:dyDescent="0.15">
      <c r="A28" s="162"/>
      <c r="B28" s="153"/>
      <c r="C28" s="153"/>
      <c r="D28" s="153"/>
      <c r="E28" s="148"/>
      <c r="F28" s="92"/>
      <c r="G28" s="92"/>
      <c r="H28" s="145"/>
      <c r="I28" s="148"/>
      <c r="J28" s="92"/>
      <c r="K28" s="92"/>
      <c r="L28" s="145"/>
      <c r="M28" s="102" t="s">
        <v>66</v>
      </c>
      <c r="N28" s="92" t="s">
        <v>515</v>
      </c>
      <c r="O28" s="183"/>
      <c r="P28" s="92"/>
      <c r="Q28" s="92"/>
      <c r="R28" s="102"/>
      <c r="S28" s="92"/>
      <c r="T28" s="103"/>
      <c r="U28" s="102"/>
      <c r="V28" s="92"/>
      <c r="W28" s="102"/>
      <c r="X28" s="92"/>
      <c r="Y28" s="92"/>
      <c r="Z28" s="194"/>
      <c r="AA28" s="194"/>
      <c r="AC28" s="194"/>
      <c r="AD28" s="175"/>
      <c r="AE28" s="175"/>
      <c r="AF28" s="175"/>
      <c r="AG28" s="177"/>
      <c r="AH28" s="148"/>
      <c r="AI28" s="92"/>
      <c r="AJ28" s="92"/>
      <c r="AK28" s="92"/>
      <c r="AL28" s="103"/>
      <c r="AM28" s="92"/>
      <c r="AN28" s="148"/>
      <c r="AS28" s="92"/>
      <c r="AT28" s="92"/>
      <c r="AU28" s="145"/>
    </row>
    <row r="29" spans="1:47" ht="15.95" customHeight="1" x14ac:dyDescent="0.15">
      <c r="A29" s="162"/>
      <c r="B29" s="153"/>
      <c r="C29" s="153"/>
      <c r="D29" s="153"/>
      <c r="E29" s="148"/>
      <c r="F29" s="92"/>
      <c r="G29" s="92"/>
      <c r="H29" s="145"/>
      <c r="I29" s="148"/>
      <c r="J29" s="92"/>
      <c r="K29" s="92"/>
      <c r="L29" s="145"/>
      <c r="M29" s="102"/>
      <c r="N29" s="124" t="s">
        <v>25</v>
      </c>
      <c r="O29" s="183"/>
      <c r="P29" s="92"/>
      <c r="Q29" s="92"/>
      <c r="R29" s="102"/>
      <c r="S29" s="92"/>
      <c r="T29" s="103"/>
      <c r="U29" s="102"/>
      <c r="V29" s="92"/>
      <c r="W29" s="102"/>
      <c r="X29" s="92"/>
      <c r="Y29" s="92"/>
      <c r="Z29" s="194"/>
      <c r="AA29" s="194"/>
      <c r="AC29" s="194"/>
      <c r="AD29" s="253"/>
      <c r="AE29" s="253"/>
      <c r="AF29" s="253"/>
      <c r="AG29" s="292" t="s">
        <v>26</v>
      </c>
      <c r="AH29" s="169"/>
      <c r="AI29" s="105"/>
      <c r="AJ29" s="105"/>
      <c r="AK29" s="105"/>
      <c r="AL29" s="97"/>
      <c r="AM29" s="105"/>
      <c r="AN29" s="148"/>
      <c r="AS29" s="92"/>
      <c r="AT29" s="92"/>
      <c r="AU29" s="145"/>
    </row>
    <row r="30" spans="1:47" ht="15.95" customHeight="1" x14ac:dyDescent="0.15">
      <c r="A30" s="162"/>
      <c r="B30" s="153"/>
      <c r="C30" s="153"/>
      <c r="D30" s="153"/>
      <c r="E30" s="624" t="s">
        <v>516</v>
      </c>
      <c r="F30" s="625"/>
      <c r="G30" s="625"/>
      <c r="H30" s="626"/>
      <c r="I30" s="293"/>
      <c r="J30" s="98"/>
      <c r="K30" s="98"/>
      <c r="L30" s="142"/>
      <c r="M30" s="140" t="s">
        <v>7</v>
      </c>
      <c r="N30" s="98" t="s">
        <v>517</v>
      </c>
      <c r="O30" s="206"/>
      <c r="P30" s="98"/>
      <c r="Q30" s="98"/>
      <c r="R30" s="206"/>
      <c r="S30" s="98"/>
      <c r="T30" s="208"/>
      <c r="U30" s="206"/>
      <c r="V30" s="98"/>
      <c r="W30" s="206"/>
      <c r="X30" s="98"/>
      <c r="Y30" s="98"/>
      <c r="Z30" s="294"/>
      <c r="AA30" s="294"/>
      <c r="AB30" s="294"/>
      <c r="AC30" s="294"/>
      <c r="AD30" s="294"/>
      <c r="AE30" s="102"/>
      <c r="AH30" s="134"/>
      <c r="AI30" s="98"/>
      <c r="AJ30" s="98"/>
      <c r="AK30" s="98"/>
      <c r="AL30" s="98"/>
      <c r="AM30" s="98"/>
      <c r="AN30" s="148"/>
      <c r="AS30" s="92"/>
      <c r="AT30" s="92"/>
      <c r="AU30" s="145"/>
    </row>
    <row r="31" spans="1:47" ht="15.95" customHeight="1" x14ac:dyDescent="0.15">
      <c r="A31" s="162"/>
      <c r="B31" s="153"/>
      <c r="C31" s="153"/>
      <c r="D31" s="153"/>
      <c r="E31" s="169" t="s">
        <v>518</v>
      </c>
      <c r="F31" s="105"/>
      <c r="G31" s="105"/>
      <c r="H31" s="170"/>
      <c r="I31" s="164"/>
      <c r="J31" s="105"/>
      <c r="K31" s="105"/>
      <c r="L31" s="170"/>
      <c r="M31" s="126"/>
      <c r="N31" s="96" t="s">
        <v>66</v>
      </c>
      <c r="O31" s="97" t="s">
        <v>519</v>
      </c>
      <c r="P31" s="105"/>
      <c r="Q31" s="105"/>
      <c r="R31" s="96" t="s">
        <v>25</v>
      </c>
      <c r="S31" s="105"/>
      <c r="T31" s="97" t="s">
        <v>520</v>
      </c>
      <c r="U31" s="96"/>
      <c r="V31" s="105"/>
      <c r="W31" s="96" t="s">
        <v>66</v>
      </c>
      <c r="X31" s="97" t="s">
        <v>521</v>
      </c>
      <c r="Y31" s="105"/>
      <c r="Z31" s="105"/>
      <c r="AA31" s="96" t="s">
        <v>25</v>
      </c>
      <c r="AB31" s="105"/>
      <c r="AC31" s="97" t="s">
        <v>522</v>
      </c>
      <c r="AD31" s="287"/>
      <c r="AE31" s="96"/>
      <c r="AF31" s="116"/>
      <c r="AG31" s="106"/>
      <c r="AH31" s="212"/>
      <c r="AI31" s="105"/>
      <c r="AJ31" s="105"/>
      <c r="AK31" s="105"/>
      <c r="AL31" s="105"/>
      <c r="AM31" s="105"/>
      <c r="AN31" s="148"/>
      <c r="AS31" s="92"/>
      <c r="AT31" s="92"/>
      <c r="AU31" s="145"/>
    </row>
    <row r="32" spans="1:47" ht="15.95" customHeight="1" x14ac:dyDescent="0.15">
      <c r="A32" s="162"/>
      <c r="B32" s="153"/>
      <c r="C32" s="153"/>
      <c r="D32" s="153"/>
      <c r="E32" s="494" t="s">
        <v>523</v>
      </c>
      <c r="F32" s="431"/>
      <c r="G32" s="431"/>
      <c r="H32" s="495"/>
      <c r="I32" s="162"/>
      <c r="J32" s="92"/>
      <c r="K32" s="92"/>
      <c r="L32" s="145"/>
      <c r="M32" s="151" t="s">
        <v>7</v>
      </c>
      <c r="N32" s="92" t="s">
        <v>524</v>
      </c>
      <c r="O32" s="102"/>
      <c r="P32" s="92"/>
      <c r="Q32" s="92"/>
      <c r="R32" s="102"/>
      <c r="S32" s="92"/>
      <c r="T32" s="103"/>
      <c r="U32" s="102"/>
      <c r="V32" s="92"/>
      <c r="W32" s="102"/>
      <c r="X32" s="92"/>
      <c r="Y32" s="92"/>
      <c r="Z32" s="177"/>
      <c r="AA32" s="177"/>
      <c r="AB32" s="177"/>
      <c r="AC32" s="177"/>
      <c r="AD32" s="177"/>
      <c r="AE32" s="177"/>
      <c r="AF32" s="177"/>
      <c r="AG32" s="102"/>
      <c r="AH32" s="134"/>
      <c r="AI32" s="98"/>
      <c r="AJ32" s="98"/>
      <c r="AK32" s="98"/>
      <c r="AL32" s="98"/>
      <c r="AM32" s="98"/>
      <c r="AN32" s="148"/>
      <c r="AS32" s="92"/>
      <c r="AT32" s="92"/>
      <c r="AU32" s="145"/>
    </row>
    <row r="33" spans="1:47" ht="15.95" customHeight="1" x14ac:dyDescent="0.15">
      <c r="A33" s="162"/>
      <c r="B33" s="153"/>
      <c r="C33" s="153"/>
      <c r="D33" s="153"/>
      <c r="E33" s="148" t="s">
        <v>518</v>
      </c>
      <c r="F33" s="92"/>
      <c r="G33" s="92"/>
      <c r="H33" s="145"/>
      <c r="I33" s="162"/>
      <c r="J33" s="92"/>
      <c r="K33" s="92"/>
      <c r="L33" s="145"/>
      <c r="M33" s="167"/>
      <c r="N33" s="105"/>
      <c r="O33" s="96"/>
      <c r="P33" s="105"/>
      <c r="Q33" s="105"/>
      <c r="R33" s="96"/>
      <c r="S33" s="105"/>
      <c r="T33" s="97"/>
      <c r="U33" s="96"/>
      <c r="V33" s="105"/>
      <c r="W33" s="96"/>
      <c r="X33" s="105"/>
      <c r="Y33" s="105"/>
      <c r="Z33" s="287"/>
      <c r="AA33" s="287"/>
      <c r="AB33" s="287"/>
      <c r="AC33" s="287"/>
      <c r="AD33" s="287"/>
      <c r="AE33" s="287"/>
      <c r="AF33" s="287"/>
      <c r="AG33" s="259"/>
      <c r="AH33" s="155"/>
      <c r="AI33" s="92"/>
      <c r="AJ33" s="92"/>
      <c r="AK33" s="92"/>
      <c r="AL33" s="92"/>
      <c r="AM33" s="92"/>
      <c r="AN33" s="148"/>
      <c r="AS33" s="92"/>
      <c r="AT33" s="92"/>
      <c r="AU33" s="145"/>
    </row>
    <row r="34" spans="1:47" ht="15.95" customHeight="1" x14ac:dyDescent="0.15">
      <c r="A34" s="149"/>
      <c r="E34" s="437" t="s">
        <v>175</v>
      </c>
      <c r="F34" s="438"/>
      <c r="G34" s="438"/>
      <c r="H34" s="439"/>
      <c r="I34" s="437" t="s">
        <v>176</v>
      </c>
      <c r="J34" s="438"/>
      <c r="K34" s="438"/>
      <c r="L34" s="439"/>
      <c r="M34" s="146" t="s">
        <v>7</v>
      </c>
      <c r="N34" s="92" t="s">
        <v>265</v>
      </c>
      <c r="O34" s="103"/>
      <c r="P34" s="92"/>
      <c r="Q34" s="102"/>
      <c r="R34" s="92"/>
      <c r="S34" s="92"/>
      <c r="T34" s="103"/>
      <c r="U34" s="102"/>
      <c r="V34" s="103"/>
      <c r="W34" s="102"/>
      <c r="X34" s="151"/>
      <c r="Y34" s="102"/>
      <c r="Z34" s="102"/>
      <c r="AA34" s="151"/>
      <c r="AB34" s="102"/>
      <c r="AC34" s="102"/>
      <c r="AD34" s="102"/>
      <c r="AE34" s="102"/>
      <c r="AF34" s="102"/>
      <c r="AG34" s="145"/>
      <c r="AH34" s="141"/>
      <c r="AI34" s="98"/>
      <c r="AJ34" s="98"/>
      <c r="AK34" s="98"/>
      <c r="AL34" s="98"/>
      <c r="AM34" s="142"/>
      <c r="AN34" s="141"/>
      <c r="AO34" s="114"/>
      <c r="AP34" s="114"/>
      <c r="AQ34" s="114"/>
      <c r="AR34" s="114"/>
      <c r="AS34" s="98"/>
      <c r="AT34" s="98"/>
      <c r="AU34" s="142"/>
    </row>
    <row r="35" spans="1:47" ht="15.95" customHeight="1" x14ac:dyDescent="0.15">
      <c r="A35" s="149"/>
      <c r="E35" s="162"/>
      <c r="F35" s="153"/>
      <c r="G35" s="153"/>
      <c r="H35" s="154"/>
      <c r="I35" s="449" t="s">
        <v>178</v>
      </c>
      <c r="J35" s="450"/>
      <c r="K35" s="450"/>
      <c r="L35" s="451"/>
      <c r="M35" s="146" t="s">
        <v>7</v>
      </c>
      <c r="N35" s="92" t="s">
        <v>841</v>
      </c>
      <c r="O35" s="103"/>
      <c r="P35" s="92"/>
      <c r="Q35" s="102"/>
      <c r="R35" s="92"/>
      <c r="S35" s="92"/>
      <c r="T35" s="103"/>
      <c r="U35" s="102"/>
      <c r="V35" s="103"/>
      <c r="W35" s="102"/>
      <c r="X35" s="151"/>
      <c r="Y35" s="102"/>
      <c r="Z35" s="102"/>
      <c r="AA35" s="151"/>
      <c r="AB35" s="102"/>
      <c r="AC35" s="102"/>
      <c r="AD35" s="102"/>
      <c r="AE35" s="102"/>
      <c r="AF35" s="102"/>
      <c r="AG35" s="145"/>
      <c r="AH35" s="148"/>
      <c r="AI35" s="92"/>
      <c r="AJ35" s="92"/>
      <c r="AK35" s="92"/>
      <c r="AL35" s="92"/>
      <c r="AM35" s="145"/>
      <c r="AN35" s="148"/>
      <c r="AS35" s="92"/>
      <c r="AT35" s="92"/>
      <c r="AU35" s="145"/>
    </row>
    <row r="36" spans="1:47" ht="15.95" customHeight="1" x14ac:dyDescent="0.15">
      <c r="A36" s="219"/>
      <c r="B36" s="116"/>
      <c r="C36" s="116"/>
      <c r="D36" s="116"/>
      <c r="E36" s="169"/>
      <c r="F36" s="105"/>
      <c r="G36" s="105"/>
      <c r="H36" s="170"/>
      <c r="I36" s="461"/>
      <c r="J36" s="462"/>
      <c r="K36" s="462"/>
      <c r="L36" s="463"/>
      <c r="M36" s="167"/>
      <c r="N36" s="383" t="s">
        <v>842</v>
      </c>
      <c r="O36" s="97"/>
      <c r="P36" s="105"/>
      <c r="Q36" s="96"/>
      <c r="R36" s="105"/>
      <c r="S36" s="105"/>
      <c r="T36" s="97"/>
      <c r="U36" s="96"/>
      <c r="V36" s="97"/>
      <c r="W36" s="96"/>
      <c r="X36" s="126"/>
      <c r="Y36" s="96"/>
      <c r="Z36" s="96"/>
      <c r="AA36" s="126"/>
      <c r="AB36" s="96"/>
      <c r="AC36" s="96"/>
      <c r="AD36" s="96"/>
      <c r="AE36" s="96"/>
      <c r="AF36" s="96"/>
      <c r="AG36" s="170"/>
      <c r="AH36" s="169"/>
      <c r="AI36" s="105"/>
      <c r="AJ36" s="105"/>
      <c r="AK36" s="105"/>
      <c r="AL36" s="105"/>
      <c r="AM36" s="170"/>
      <c r="AN36" s="169"/>
      <c r="AO36" s="116"/>
      <c r="AP36" s="116"/>
      <c r="AQ36" s="116"/>
      <c r="AR36" s="116"/>
      <c r="AS36" s="105"/>
      <c r="AT36" s="105"/>
      <c r="AU36" s="170"/>
    </row>
    <row r="37" spans="1:47" ht="15.95" customHeight="1" x14ac:dyDescent="0.15">
      <c r="A37" s="482" t="s">
        <v>181</v>
      </c>
      <c r="B37" s="483"/>
      <c r="C37" s="483"/>
      <c r="D37" s="483"/>
      <c r="E37" s="437" t="s">
        <v>182</v>
      </c>
      <c r="F37" s="438"/>
      <c r="G37" s="438"/>
      <c r="H37" s="439"/>
      <c r="I37" s="437" t="s">
        <v>183</v>
      </c>
      <c r="J37" s="438"/>
      <c r="K37" s="438"/>
      <c r="L37" s="439"/>
      <c r="M37" s="138" t="s">
        <v>7</v>
      </c>
      <c r="N37" s="98" t="s">
        <v>184</v>
      </c>
      <c r="O37" s="98"/>
      <c r="P37" s="207"/>
      <c r="Q37" s="98"/>
      <c r="R37" s="98"/>
      <c r="S37" s="98"/>
      <c r="T37" s="98"/>
      <c r="U37" s="98"/>
      <c r="V37" s="98"/>
      <c r="W37" s="98"/>
      <c r="X37" s="98"/>
      <c r="Y37" s="98"/>
      <c r="Z37" s="98"/>
      <c r="AA37" s="98"/>
      <c r="AB37" s="98"/>
      <c r="AC37" s="98"/>
      <c r="AD37" s="98"/>
      <c r="AE37" s="98"/>
      <c r="AF37" s="98"/>
      <c r="AG37" s="98"/>
      <c r="AH37" s="138" t="s">
        <v>7</v>
      </c>
      <c r="AI37" s="98" t="s">
        <v>185</v>
      </c>
      <c r="AJ37" s="98"/>
      <c r="AK37" s="98"/>
      <c r="AL37" s="140"/>
      <c r="AM37" s="240"/>
      <c r="AN37" s="138"/>
      <c r="AO37" s="98"/>
      <c r="AP37" s="140"/>
      <c r="AQ37" s="98"/>
      <c r="AR37" s="114"/>
      <c r="AS37" s="98"/>
      <c r="AT37" s="98"/>
      <c r="AU37" s="142"/>
    </row>
    <row r="38" spans="1:47" ht="15.95" customHeight="1" x14ac:dyDescent="0.15">
      <c r="A38" s="222"/>
      <c r="B38" s="223"/>
      <c r="C38" s="223"/>
      <c r="D38" s="223"/>
      <c r="E38" s="494" t="s">
        <v>186</v>
      </c>
      <c r="F38" s="431"/>
      <c r="G38" s="431"/>
      <c r="H38" s="495"/>
      <c r="I38" s="162"/>
      <c r="J38" s="153"/>
      <c r="K38" s="153"/>
      <c r="L38" s="154"/>
      <c r="M38" s="155"/>
      <c r="N38" s="92" t="s">
        <v>187</v>
      </c>
      <c r="O38" s="92"/>
      <c r="P38" s="175"/>
      <c r="Q38" s="92"/>
      <c r="R38" s="92"/>
      <c r="S38" s="92"/>
      <c r="T38" s="92"/>
      <c r="U38" s="92"/>
      <c r="V38" s="92"/>
      <c r="W38" s="92"/>
      <c r="X38" s="92"/>
      <c r="Y38" s="92"/>
      <c r="Z38" s="92"/>
      <c r="AA38" s="92"/>
      <c r="AB38" s="92"/>
      <c r="AC38" s="92"/>
      <c r="AD38" s="92"/>
      <c r="AE38" s="92"/>
      <c r="AF38" s="92"/>
      <c r="AG38" s="92"/>
      <c r="AH38" s="146" t="s">
        <v>7</v>
      </c>
      <c r="AI38" s="92"/>
      <c r="AJ38" s="92"/>
      <c r="AK38" s="92"/>
      <c r="AL38" s="151"/>
      <c r="AM38" s="92"/>
      <c r="AN38" s="148"/>
      <c r="AP38" s="124"/>
      <c r="AQ38" s="92"/>
      <c r="AS38" s="92"/>
      <c r="AT38" s="92"/>
      <c r="AU38" s="145"/>
    </row>
    <row r="39" spans="1:47" ht="15.95" customHeight="1" x14ac:dyDescent="0.15">
      <c r="A39" s="146" t="s">
        <v>7</v>
      </c>
      <c r="B39" s="538" t="s">
        <v>668</v>
      </c>
      <c r="C39" s="538"/>
      <c r="D39" s="538"/>
      <c r="E39" s="449" t="s">
        <v>189</v>
      </c>
      <c r="F39" s="450"/>
      <c r="G39" s="450"/>
      <c r="H39" s="451"/>
      <c r="I39" s="227"/>
      <c r="J39" s="132"/>
      <c r="K39" s="132"/>
      <c r="L39" s="228"/>
      <c r="M39" s="155"/>
      <c r="N39" s="151" t="s">
        <v>7</v>
      </c>
      <c r="O39" s="226" t="s">
        <v>190</v>
      </c>
      <c r="P39" s="92"/>
      <c r="Q39" s="102"/>
      <c r="R39" s="176"/>
      <c r="S39" s="176"/>
      <c r="T39" s="176"/>
      <c r="U39" s="92"/>
      <c r="V39" s="92"/>
      <c r="W39" s="92"/>
      <c r="X39" s="92"/>
      <c r="Y39" s="92"/>
      <c r="Z39" s="92"/>
      <c r="AA39" s="92"/>
      <c r="AB39" s="92"/>
      <c r="AC39" s="92"/>
      <c r="AD39" s="92"/>
      <c r="AE39" s="92"/>
      <c r="AF39" s="92"/>
      <c r="AG39" s="92"/>
      <c r="AH39" s="155"/>
      <c r="AI39" s="182"/>
      <c r="AJ39" s="182"/>
      <c r="AK39" s="182"/>
      <c r="AL39" s="92"/>
      <c r="AM39" s="92"/>
      <c r="AN39" s="148"/>
      <c r="AO39" s="92"/>
      <c r="AP39" s="102"/>
      <c r="AQ39" s="102"/>
      <c r="AR39" s="102"/>
      <c r="AS39" s="92"/>
      <c r="AT39" s="92"/>
      <c r="AU39" s="145"/>
    </row>
    <row r="40" spans="1:47" ht="15.95" customHeight="1" x14ac:dyDescent="0.15">
      <c r="A40" s="149"/>
      <c r="B40" s="538"/>
      <c r="C40" s="538"/>
      <c r="D40" s="538"/>
      <c r="E40" s="149"/>
      <c r="H40" s="104"/>
      <c r="I40" s="229"/>
      <c r="J40" s="230"/>
      <c r="K40" s="230"/>
      <c r="L40" s="231"/>
      <c r="M40" s="155"/>
      <c r="N40" s="151" t="s">
        <v>7</v>
      </c>
      <c r="O40" s="92" t="s">
        <v>525</v>
      </c>
      <c r="P40" s="176"/>
      <c r="Q40" s="176"/>
      <c r="R40" s="176"/>
      <c r="S40" s="176"/>
      <c r="T40" s="176"/>
      <c r="U40" s="176"/>
      <c r="V40" s="176"/>
      <c r="W40" s="176"/>
      <c r="X40" s="176"/>
      <c r="Y40" s="92"/>
      <c r="Z40" s="92"/>
      <c r="AA40" s="92"/>
      <c r="AB40" s="92"/>
      <c r="AC40" s="92"/>
      <c r="AD40" s="92"/>
      <c r="AE40" s="92"/>
      <c r="AF40" s="92"/>
      <c r="AG40" s="92"/>
      <c r="AH40" s="155"/>
      <c r="AI40" s="156"/>
      <c r="AJ40" s="92"/>
      <c r="AK40" s="92"/>
      <c r="AL40" s="151"/>
      <c r="AM40" s="103"/>
      <c r="AN40" s="148"/>
      <c r="AP40" s="92"/>
      <c r="AQ40" s="92"/>
      <c r="AR40" s="92"/>
      <c r="AS40" s="92"/>
      <c r="AT40" s="92"/>
      <c r="AU40" s="145"/>
    </row>
    <row r="41" spans="1:47" ht="15.95" customHeight="1" x14ac:dyDescent="0.15">
      <c r="A41" s="149"/>
      <c r="B41" s="538"/>
      <c r="C41" s="538"/>
      <c r="D41" s="538"/>
      <c r="E41" s="148"/>
      <c r="F41" s="92"/>
      <c r="G41" s="92"/>
      <c r="H41" s="145"/>
      <c r="I41" s="227"/>
      <c r="J41" s="132"/>
      <c r="K41" s="132"/>
      <c r="L41" s="228"/>
      <c r="M41" s="155"/>
      <c r="N41" s="151" t="s">
        <v>7</v>
      </c>
      <c r="O41" s="92" t="s">
        <v>192</v>
      </c>
      <c r="P41" s="176"/>
      <c r="Q41" s="176"/>
      <c r="R41" s="176"/>
      <c r="S41" s="176"/>
      <c r="T41" s="176"/>
      <c r="U41" s="92"/>
      <c r="V41" s="92"/>
      <c r="W41" s="92"/>
      <c r="X41" s="92"/>
      <c r="Y41" s="92"/>
      <c r="Z41" s="92"/>
      <c r="AA41" s="92"/>
      <c r="AB41" s="92"/>
      <c r="AC41" s="92"/>
      <c r="AD41" s="92"/>
      <c r="AE41" s="92"/>
      <c r="AF41" s="92"/>
      <c r="AG41" s="92"/>
      <c r="AH41" s="148"/>
      <c r="AI41" s="92"/>
      <c r="AJ41" s="92"/>
      <c r="AK41" s="92"/>
      <c r="AL41" s="124"/>
      <c r="AM41" s="124"/>
      <c r="AN41" s="121"/>
      <c r="AO41" s="124"/>
      <c r="AS41" s="92"/>
      <c r="AT41" s="92"/>
      <c r="AU41" s="145"/>
    </row>
    <row r="42" spans="1:47" ht="15.95" customHeight="1" x14ac:dyDescent="0.15">
      <c r="A42" s="149"/>
      <c r="B42" s="538"/>
      <c r="C42" s="538"/>
      <c r="D42" s="538"/>
      <c r="E42" s="148"/>
      <c r="F42" s="92"/>
      <c r="G42" s="92"/>
      <c r="H42" s="145"/>
      <c r="I42" s="227"/>
      <c r="J42" s="132"/>
      <c r="K42" s="132"/>
      <c r="L42" s="228"/>
      <c r="M42" s="146" t="s">
        <v>7</v>
      </c>
      <c r="N42" s="92" t="s">
        <v>194</v>
      </c>
      <c r="O42" s="92"/>
      <c r="P42" s="102"/>
      <c r="Q42" s="176"/>
      <c r="R42" s="176"/>
      <c r="S42" s="176"/>
      <c r="T42" s="176"/>
      <c r="U42" s="176"/>
      <c r="V42" s="176"/>
      <c r="W42" s="176"/>
      <c r="X42" s="176"/>
      <c r="Y42" s="176"/>
      <c r="Z42" s="176"/>
      <c r="AA42" s="176"/>
      <c r="AB42" s="176"/>
      <c r="AC42" s="92"/>
      <c r="AD42" s="92"/>
      <c r="AE42" s="92"/>
      <c r="AF42" s="92"/>
      <c r="AH42" s="155"/>
      <c r="AI42" s="92"/>
      <c r="AJ42" s="92"/>
      <c r="AK42" s="92"/>
      <c r="AL42" s="124"/>
      <c r="AM42" s="124"/>
      <c r="AN42" s="121"/>
      <c r="AO42" s="124"/>
      <c r="AS42" s="92"/>
      <c r="AT42" s="92"/>
      <c r="AU42" s="145"/>
    </row>
    <row r="43" spans="1:47" ht="15.95" customHeight="1" x14ac:dyDescent="0.15">
      <c r="A43" s="162"/>
      <c r="B43" s="538"/>
      <c r="C43" s="538"/>
      <c r="D43" s="538"/>
      <c r="E43" s="148"/>
      <c r="F43" s="92"/>
      <c r="G43" s="92"/>
      <c r="H43" s="145"/>
      <c r="I43" s="227"/>
      <c r="J43" s="132"/>
      <c r="K43" s="132"/>
      <c r="L43" s="228"/>
      <c r="M43" s="146" t="s">
        <v>7</v>
      </c>
      <c r="N43" s="92" t="s">
        <v>195</v>
      </c>
      <c r="O43" s="92"/>
      <c r="P43" s="92"/>
      <c r="Q43" s="175"/>
      <c r="R43" s="92"/>
      <c r="S43" s="92"/>
      <c r="T43" s="92"/>
      <c r="U43" s="92"/>
      <c r="V43" s="92"/>
      <c r="W43" s="92"/>
      <c r="X43" s="92"/>
      <c r="Y43" s="92"/>
      <c r="Z43" s="92"/>
      <c r="AA43" s="102"/>
      <c r="AB43" s="102"/>
      <c r="AC43" s="176"/>
      <c r="AD43" s="102"/>
      <c r="AE43" s="102"/>
      <c r="AF43" s="102"/>
      <c r="AH43" s="155"/>
      <c r="AI43" s="92"/>
      <c r="AJ43" s="92"/>
      <c r="AK43" s="92"/>
      <c r="AL43" s="92"/>
      <c r="AM43" s="92"/>
      <c r="AN43" s="148"/>
      <c r="AS43" s="92"/>
      <c r="AT43" s="92"/>
      <c r="AU43" s="145"/>
    </row>
    <row r="44" spans="1:47" ht="15.95" customHeight="1" x14ac:dyDescent="0.15">
      <c r="A44" s="162"/>
      <c r="B44" s="538"/>
      <c r="C44" s="538"/>
      <c r="D44" s="538"/>
      <c r="E44" s="148"/>
      <c r="F44" s="92"/>
      <c r="G44" s="92"/>
      <c r="H44" s="145"/>
      <c r="I44" s="227"/>
      <c r="J44" s="132"/>
      <c r="K44" s="132"/>
      <c r="L44" s="228"/>
      <c r="M44" s="148"/>
      <c r="N44" s="151" t="s">
        <v>7</v>
      </c>
      <c r="O44" s="92" t="s">
        <v>196</v>
      </c>
      <c r="P44" s="103"/>
      <c r="Q44" s="92"/>
      <c r="R44" s="102"/>
      <c r="S44" s="103"/>
      <c r="T44" s="103"/>
      <c r="U44" s="102"/>
      <c r="V44" s="103"/>
      <c r="W44" s="103"/>
      <c r="X44" s="102"/>
      <c r="Y44" s="176"/>
      <c r="Z44" s="176"/>
      <c r="AA44" s="176"/>
      <c r="AB44" s="176"/>
      <c r="AC44" s="102"/>
      <c r="AD44" s="92"/>
      <c r="AE44" s="92"/>
      <c r="AF44" s="92"/>
      <c r="AH44" s="155"/>
      <c r="AI44" s="92"/>
      <c r="AJ44" s="92"/>
      <c r="AK44" s="92"/>
      <c r="AL44" s="92"/>
      <c r="AM44" s="92"/>
      <c r="AN44" s="148"/>
      <c r="AS44" s="92"/>
      <c r="AT44" s="92"/>
      <c r="AU44" s="145"/>
    </row>
    <row r="45" spans="1:47" ht="15.95" customHeight="1" x14ac:dyDescent="0.15">
      <c r="A45" s="234"/>
      <c r="B45" s="92"/>
      <c r="C45" s="92"/>
      <c r="D45" s="92"/>
      <c r="E45" s="148"/>
      <c r="F45" s="92"/>
      <c r="G45" s="92"/>
      <c r="H45" s="145"/>
      <c r="I45" s="227"/>
      <c r="J45" s="132"/>
      <c r="K45" s="132"/>
      <c r="L45" s="228"/>
      <c r="M45" s="148"/>
      <c r="N45" s="102" t="s">
        <v>66</v>
      </c>
      <c r="O45" s="103" t="s">
        <v>197</v>
      </c>
      <c r="P45" s="103"/>
      <c r="Q45" s="103"/>
      <c r="R45" s="103"/>
      <c r="S45" s="103"/>
      <c r="T45" s="103"/>
      <c r="U45" s="102"/>
      <c r="V45" s="103"/>
      <c r="W45" s="103"/>
      <c r="X45" s="102"/>
      <c r="Y45" s="176"/>
      <c r="Z45" s="176"/>
      <c r="AA45" s="176"/>
      <c r="AB45" s="176"/>
      <c r="AC45" s="176"/>
      <c r="AD45" s="92"/>
      <c r="AE45" s="92"/>
      <c r="AF45" s="92"/>
      <c r="AH45" s="155"/>
      <c r="AI45" s="92"/>
      <c r="AJ45" s="92"/>
      <c r="AK45" s="92"/>
      <c r="AL45" s="92"/>
      <c r="AM45" s="92"/>
      <c r="AN45" s="148"/>
      <c r="AS45" s="92"/>
      <c r="AT45" s="92"/>
      <c r="AU45" s="145"/>
    </row>
    <row r="46" spans="1:47" ht="15.95" customHeight="1" x14ac:dyDescent="0.15">
      <c r="A46" s="234"/>
      <c r="B46" s="92"/>
      <c r="C46" s="92"/>
      <c r="D46" s="92"/>
      <c r="E46" s="148"/>
      <c r="F46" s="92"/>
      <c r="G46" s="92"/>
      <c r="H46" s="145"/>
      <c r="I46" s="227"/>
      <c r="J46" s="132"/>
      <c r="K46" s="132"/>
      <c r="L46" s="228"/>
      <c r="M46" s="148"/>
      <c r="N46" s="102"/>
      <c r="O46" s="151" t="s">
        <v>7</v>
      </c>
      <c r="P46" s="103" t="s">
        <v>198</v>
      </c>
      <c r="Q46" s="92"/>
      <c r="R46" s="102"/>
      <c r="S46" s="103"/>
      <c r="T46" s="103"/>
      <c r="U46" s="102"/>
      <c r="V46" s="103"/>
      <c r="W46" s="103"/>
      <c r="X46" s="102"/>
      <c r="Y46" s="176"/>
      <c r="Z46" s="176"/>
      <c r="AA46" s="176"/>
      <c r="AB46" s="176"/>
      <c r="AC46" s="176"/>
      <c r="AD46" s="92"/>
      <c r="AE46" s="92"/>
      <c r="AF46" s="92"/>
      <c r="AH46" s="155"/>
      <c r="AI46" s="92"/>
      <c r="AJ46" s="92"/>
      <c r="AK46" s="92"/>
      <c r="AL46" s="92"/>
      <c r="AM46" s="92"/>
      <c r="AN46" s="148"/>
      <c r="AS46" s="92"/>
      <c r="AT46" s="92"/>
      <c r="AU46" s="145"/>
    </row>
    <row r="47" spans="1:47" ht="15.95" customHeight="1" x14ac:dyDescent="0.15">
      <c r="A47" s="234"/>
      <c r="B47" s="92"/>
      <c r="C47" s="92"/>
      <c r="D47" s="92"/>
      <c r="E47" s="148"/>
      <c r="F47" s="92"/>
      <c r="G47" s="92"/>
      <c r="H47" s="145"/>
      <c r="I47" s="227"/>
      <c r="J47" s="132"/>
      <c r="K47" s="132"/>
      <c r="L47" s="228"/>
      <c r="M47" s="148"/>
      <c r="N47" s="102"/>
      <c r="O47" s="151" t="s">
        <v>7</v>
      </c>
      <c r="P47" s="103" t="s">
        <v>199</v>
      </c>
      <c r="Q47" s="92"/>
      <c r="R47" s="102"/>
      <c r="S47" s="103"/>
      <c r="T47" s="103"/>
      <c r="U47" s="102"/>
      <c r="V47" s="176"/>
      <c r="W47" s="176"/>
      <c r="X47" s="176"/>
      <c r="Y47" s="176"/>
      <c r="Z47" s="92"/>
      <c r="AA47" s="92"/>
      <c r="AB47" s="92"/>
      <c r="AC47" s="176"/>
      <c r="AD47" s="92"/>
      <c r="AE47" s="92"/>
      <c r="AF47" s="92"/>
      <c r="AH47" s="155"/>
      <c r="AI47" s="92"/>
      <c r="AJ47" s="92"/>
      <c r="AK47" s="92"/>
      <c r="AL47" s="92"/>
      <c r="AM47" s="92"/>
      <c r="AN47" s="148"/>
      <c r="AS47" s="92"/>
      <c r="AT47" s="92"/>
      <c r="AU47" s="145"/>
    </row>
    <row r="48" spans="1:47" ht="15.95" customHeight="1" x14ac:dyDescent="0.15">
      <c r="A48" s="234"/>
      <c r="B48" s="92"/>
      <c r="C48" s="92"/>
      <c r="D48" s="92"/>
      <c r="E48" s="148"/>
      <c r="F48" s="92"/>
      <c r="G48" s="92"/>
      <c r="H48" s="145"/>
      <c r="I48" s="227"/>
      <c r="J48" s="132"/>
      <c r="K48" s="132"/>
      <c r="L48" s="228"/>
      <c r="M48" s="148"/>
      <c r="N48" s="102"/>
      <c r="O48" s="151" t="s">
        <v>7</v>
      </c>
      <c r="P48" s="103" t="s">
        <v>200</v>
      </c>
      <c r="Q48" s="92"/>
      <c r="R48" s="102"/>
      <c r="S48" s="103"/>
      <c r="T48" s="103"/>
      <c r="U48" s="102"/>
      <c r="V48" s="176"/>
      <c r="W48" s="176"/>
      <c r="X48" s="176"/>
      <c r="Y48" s="176"/>
      <c r="Z48" s="92"/>
      <c r="AA48" s="92"/>
      <c r="AB48" s="92"/>
      <c r="AC48" s="102"/>
      <c r="AD48" s="92"/>
      <c r="AE48" s="92"/>
      <c r="AF48" s="92"/>
      <c r="AH48" s="155"/>
      <c r="AI48" s="92"/>
      <c r="AJ48" s="92"/>
      <c r="AK48" s="92"/>
      <c r="AL48" s="92"/>
      <c r="AM48" s="92"/>
      <c r="AN48" s="148"/>
      <c r="AS48" s="92"/>
      <c r="AT48" s="92"/>
      <c r="AU48" s="145"/>
    </row>
    <row r="49" spans="1:47" ht="15.95" customHeight="1" x14ac:dyDescent="0.15">
      <c r="A49" s="234"/>
      <c r="B49" s="92"/>
      <c r="C49" s="92"/>
      <c r="D49" s="92"/>
      <c r="E49" s="148"/>
      <c r="F49" s="92"/>
      <c r="G49" s="92"/>
      <c r="H49" s="145"/>
      <c r="I49" s="227"/>
      <c r="J49" s="132"/>
      <c r="K49" s="132"/>
      <c r="L49" s="228"/>
      <c r="M49" s="148"/>
      <c r="N49" s="102" t="s">
        <v>66</v>
      </c>
      <c r="O49" s="92" t="s">
        <v>201</v>
      </c>
      <c r="P49" s="92"/>
      <c r="Q49" s="92"/>
      <c r="R49" s="92"/>
      <c r="S49" s="92"/>
      <c r="T49" s="92"/>
      <c r="U49" s="102"/>
      <c r="V49" s="103"/>
      <c r="W49" s="103"/>
      <c r="X49" s="102"/>
      <c r="Y49" s="176"/>
      <c r="Z49" s="92"/>
      <c r="AA49" s="92"/>
      <c r="AB49" s="92"/>
      <c r="AC49" s="102"/>
      <c r="AD49" s="92"/>
      <c r="AE49" s="92"/>
      <c r="AF49" s="92"/>
      <c r="AH49" s="155"/>
      <c r="AI49" s="92"/>
      <c r="AJ49" s="92"/>
      <c r="AK49" s="92"/>
      <c r="AL49" s="92"/>
      <c r="AM49" s="92"/>
      <c r="AN49" s="148"/>
      <c r="AS49" s="92"/>
      <c r="AT49" s="92"/>
      <c r="AU49" s="145"/>
    </row>
    <row r="50" spans="1:47" ht="15.95" customHeight="1" x14ac:dyDescent="0.15">
      <c r="A50" s="148"/>
      <c r="B50" s="92"/>
      <c r="C50" s="92"/>
      <c r="D50" s="92"/>
      <c r="E50" s="148"/>
      <c r="F50" s="92"/>
      <c r="G50" s="92"/>
      <c r="H50" s="145"/>
      <c r="I50" s="148"/>
      <c r="J50" s="92"/>
      <c r="K50" s="92"/>
      <c r="L50" s="145"/>
      <c r="M50" s="148"/>
      <c r="N50" s="102"/>
      <c r="O50" s="151" t="s">
        <v>7</v>
      </c>
      <c r="P50" s="103" t="s">
        <v>202</v>
      </c>
      <c r="Q50" s="92"/>
      <c r="R50" s="102"/>
      <c r="S50" s="103"/>
      <c r="T50" s="103"/>
      <c r="U50" s="102"/>
      <c r="V50" s="103"/>
      <c r="W50" s="103"/>
      <c r="X50" s="102"/>
      <c r="Y50" s="176"/>
      <c r="Z50" s="92"/>
      <c r="AA50" s="92"/>
      <c r="AB50" s="92"/>
      <c r="AC50" s="102"/>
      <c r="AD50" s="92"/>
      <c r="AE50" s="92"/>
      <c r="AF50" s="92"/>
      <c r="AG50" s="104"/>
      <c r="AH50" s="155"/>
      <c r="AI50" s="92"/>
      <c r="AJ50" s="92"/>
      <c r="AK50" s="92"/>
      <c r="AL50" s="92"/>
      <c r="AM50" s="92"/>
      <c r="AN50" s="148"/>
      <c r="AS50" s="92"/>
      <c r="AT50" s="92"/>
      <c r="AU50" s="145"/>
    </row>
    <row r="51" spans="1:47" ht="15.95" customHeight="1" x14ac:dyDescent="0.15">
      <c r="A51" s="148"/>
      <c r="B51" s="92"/>
      <c r="C51" s="92"/>
      <c r="D51" s="92"/>
      <c r="E51" s="148"/>
      <c r="F51" s="92"/>
      <c r="G51" s="92"/>
      <c r="H51" s="145"/>
      <c r="I51" s="121"/>
      <c r="J51" s="92"/>
      <c r="K51" s="92"/>
      <c r="L51" s="145"/>
      <c r="M51" s="169"/>
      <c r="N51" s="96"/>
      <c r="O51" s="126" t="s">
        <v>7</v>
      </c>
      <c r="P51" s="97" t="s">
        <v>203</v>
      </c>
      <c r="Q51" s="105"/>
      <c r="R51" s="96"/>
      <c r="S51" s="97"/>
      <c r="T51" s="97"/>
      <c r="U51" s="96"/>
      <c r="V51" s="237"/>
      <c r="W51" s="237"/>
      <c r="X51" s="237"/>
      <c r="Y51" s="237"/>
      <c r="Z51" s="105"/>
      <c r="AA51" s="105"/>
      <c r="AB51" s="105"/>
      <c r="AC51" s="96"/>
      <c r="AD51" s="105"/>
      <c r="AE51" s="105"/>
      <c r="AF51" s="105"/>
      <c r="AG51" s="106"/>
      <c r="AH51" s="155"/>
      <c r="AI51" s="92"/>
      <c r="AJ51" s="92"/>
      <c r="AK51" s="92"/>
      <c r="AL51" s="92"/>
      <c r="AM51" s="92"/>
      <c r="AN51" s="148"/>
      <c r="AS51" s="92"/>
      <c r="AT51" s="92"/>
      <c r="AU51" s="145"/>
    </row>
    <row r="52" spans="1:47" ht="15.95" customHeight="1" x14ac:dyDescent="0.15">
      <c r="A52" s="149"/>
      <c r="D52" s="104"/>
      <c r="E52" s="437" t="s">
        <v>175</v>
      </c>
      <c r="F52" s="438"/>
      <c r="G52" s="438"/>
      <c r="H52" s="439"/>
      <c r="I52" s="437" t="s">
        <v>176</v>
      </c>
      <c r="J52" s="438"/>
      <c r="K52" s="438"/>
      <c r="L52" s="439"/>
      <c r="M52" s="146" t="s">
        <v>7</v>
      </c>
      <c r="N52" s="92" t="s">
        <v>265</v>
      </c>
      <c r="O52" s="103"/>
      <c r="P52" s="92"/>
      <c r="Q52" s="102"/>
      <c r="R52" s="92"/>
      <c r="S52" s="92"/>
      <c r="T52" s="103"/>
      <c r="U52" s="102"/>
      <c r="V52" s="103"/>
      <c r="W52" s="102"/>
      <c r="X52" s="151"/>
      <c r="Y52" s="102"/>
      <c r="Z52" s="102"/>
      <c r="AA52" s="151"/>
      <c r="AB52" s="102"/>
      <c r="AC52" s="102"/>
      <c r="AD52" s="102"/>
      <c r="AE52" s="102"/>
      <c r="AF52" s="102"/>
      <c r="AG52" s="145"/>
      <c r="AH52" s="141"/>
      <c r="AI52" s="98"/>
      <c r="AJ52" s="98"/>
      <c r="AK52" s="98"/>
      <c r="AL52" s="98"/>
      <c r="AM52" s="142"/>
      <c r="AN52" s="141"/>
      <c r="AO52" s="114"/>
      <c r="AP52" s="114"/>
      <c r="AQ52" s="114"/>
      <c r="AR52" s="114"/>
      <c r="AS52" s="98"/>
      <c r="AT52" s="98"/>
      <c r="AU52" s="142"/>
    </row>
    <row r="53" spans="1:47" ht="15.95" customHeight="1" x14ac:dyDescent="0.15">
      <c r="A53" s="149"/>
      <c r="D53" s="104"/>
      <c r="E53" s="162"/>
      <c r="F53" s="153"/>
      <c r="G53" s="153"/>
      <c r="H53" s="154"/>
      <c r="I53" s="449" t="s">
        <v>178</v>
      </c>
      <c r="J53" s="450"/>
      <c r="K53" s="450"/>
      <c r="L53" s="451"/>
      <c r="M53" s="146" t="s">
        <v>7</v>
      </c>
      <c r="N53" s="92" t="s">
        <v>841</v>
      </c>
      <c r="O53" s="103"/>
      <c r="P53" s="92"/>
      <c r="Q53" s="102"/>
      <c r="R53" s="92"/>
      <c r="S53" s="92"/>
      <c r="T53" s="103"/>
      <c r="U53" s="102"/>
      <c r="V53" s="103"/>
      <c r="W53" s="102"/>
      <c r="X53" s="151"/>
      <c r="Y53" s="102"/>
      <c r="Z53" s="102"/>
      <c r="AA53" s="151"/>
      <c r="AB53" s="102"/>
      <c r="AC53" s="102"/>
      <c r="AD53" s="102"/>
      <c r="AE53" s="102"/>
      <c r="AF53" s="102"/>
      <c r="AG53" s="145"/>
      <c r="AH53" s="148"/>
      <c r="AI53" s="92"/>
      <c r="AJ53" s="92"/>
      <c r="AK53" s="92"/>
      <c r="AL53" s="92"/>
      <c r="AM53" s="145"/>
      <c r="AN53" s="148"/>
      <c r="AS53" s="92"/>
      <c r="AT53" s="92"/>
      <c r="AU53" s="145"/>
    </row>
    <row r="54" spans="1:47" ht="15.95" customHeight="1" x14ac:dyDescent="0.15">
      <c r="A54" s="219"/>
      <c r="B54" s="116"/>
      <c r="C54" s="116"/>
      <c r="D54" s="106"/>
      <c r="E54" s="169"/>
      <c r="F54" s="105"/>
      <c r="G54" s="105"/>
      <c r="H54" s="170"/>
      <c r="I54" s="461"/>
      <c r="J54" s="462"/>
      <c r="K54" s="462"/>
      <c r="L54" s="463"/>
      <c r="M54" s="167"/>
      <c r="N54" s="383" t="s">
        <v>842</v>
      </c>
      <c r="O54" s="97"/>
      <c r="P54" s="105"/>
      <c r="Q54" s="96"/>
      <c r="R54" s="105"/>
      <c r="S54" s="105"/>
      <c r="T54" s="97"/>
      <c r="U54" s="96"/>
      <c r="V54" s="97"/>
      <c r="W54" s="96"/>
      <c r="X54" s="126"/>
      <c r="Y54" s="96"/>
      <c r="Z54" s="96"/>
      <c r="AA54" s="126"/>
      <c r="AB54" s="96"/>
      <c r="AC54" s="96"/>
      <c r="AD54" s="96"/>
      <c r="AE54" s="96"/>
      <c r="AF54" s="96"/>
      <c r="AG54" s="170"/>
      <c r="AH54" s="169"/>
      <c r="AI54" s="105"/>
      <c r="AJ54" s="105"/>
      <c r="AK54" s="105"/>
      <c r="AL54" s="105"/>
      <c r="AM54" s="170"/>
      <c r="AN54" s="169"/>
      <c r="AO54" s="116"/>
      <c r="AP54" s="116"/>
      <c r="AQ54" s="116"/>
      <c r="AR54" s="116"/>
      <c r="AS54" s="105"/>
      <c r="AT54" s="105"/>
      <c r="AU54" s="170"/>
    </row>
    <row r="55" spans="1:47" ht="15.95" customHeight="1" x14ac:dyDescent="0.15">
      <c r="A55" s="92" t="s">
        <v>180</v>
      </c>
      <c r="E55" s="92"/>
      <c r="F55" s="92"/>
      <c r="G55" s="92"/>
      <c r="H55" s="92"/>
      <c r="I55" s="92"/>
      <c r="J55" s="92"/>
      <c r="K55" s="92"/>
      <c r="L55" s="92"/>
      <c r="M55" s="175"/>
      <c r="N55" s="151"/>
      <c r="O55" s="92"/>
      <c r="P55" s="103"/>
      <c r="Q55" s="103"/>
      <c r="R55" s="103"/>
      <c r="S55" s="103"/>
      <c r="T55" s="102"/>
      <c r="U55" s="103"/>
      <c r="V55" s="103"/>
      <c r="W55" s="102"/>
      <c r="X55" s="176"/>
      <c r="Y55" s="176"/>
      <c r="Z55" s="176"/>
      <c r="AA55" s="176"/>
      <c r="AB55" s="176"/>
      <c r="AC55" s="176"/>
      <c r="AD55" s="176"/>
      <c r="AE55" s="176"/>
      <c r="AF55" s="176"/>
      <c r="AG55" s="102"/>
      <c r="AH55" s="102"/>
      <c r="AI55" s="92"/>
      <c r="AJ55" s="92"/>
      <c r="AK55" s="92"/>
      <c r="AL55" s="92"/>
      <c r="AM55" s="92"/>
      <c r="AN55" s="92"/>
      <c r="AS55" s="92"/>
      <c r="AT55" s="92"/>
      <c r="AU55" s="92"/>
    </row>
    <row r="56" spans="1:47" ht="15.95" customHeight="1" x14ac:dyDescent="0.15">
      <c r="A56" s="452" t="s">
        <v>55</v>
      </c>
      <c r="B56" s="453"/>
      <c r="C56" s="453"/>
      <c r="D56" s="453"/>
      <c r="E56" s="437" t="s">
        <v>56</v>
      </c>
      <c r="F56" s="438"/>
      <c r="G56" s="438"/>
      <c r="H56" s="439"/>
      <c r="I56" s="459" t="s">
        <v>836</v>
      </c>
      <c r="J56" s="459"/>
      <c r="K56" s="459"/>
      <c r="L56" s="459"/>
      <c r="M56" s="459"/>
      <c r="N56" s="459"/>
      <c r="O56" s="459"/>
      <c r="P56" s="459"/>
      <c r="Q56" s="459"/>
      <c r="R56" s="459"/>
      <c r="S56" s="459"/>
      <c r="T56" s="459"/>
      <c r="U56" s="459"/>
      <c r="V56" s="459"/>
      <c r="W56" s="459"/>
      <c r="X56" s="459"/>
      <c r="Y56" s="459"/>
      <c r="Z56" s="459"/>
      <c r="AA56" s="459"/>
      <c r="AB56" s="459"/>
      <c r="AC56" s="459"/>
      <c r="AD56" s="459"/>
      <c r="AE56" s="459"/>
      <c r="AF56" s="459"/>
      <c r="AG56" s="459"/>
      <c r="AH56" s="452" t="s">
        <v>59</v>
      </c>
      <c r="AI56" s="453"/>
      <c r="AJ56" s="453"/>
      <c r="AK56" s="453"/>
      <c r="AL56" s="453"/>
      <c r="AM56" s="454"/>
      <c r="AN56" s="440" t="s">
        <v>838</v>
      </c>
      <c r="AO56" s="453"/>
      <c r="AP56" s="453"/>
      <c r="AQ56" s="453"/>
      <c r="AR56" s="453"/>
      <c r="AS56" s="453"/>
      <c r="AT56" s="453"/>
      <c r="AU56" s="454"/>
    </row>
    <row r="57" spans="1:47" ht="15.95" customHeight="1" x14ac:dyDescent="0.15">
      <c r="A57" s="455"/>
      <c r="B57" s="456"/>
      <c r="C57" s="456"/>
      <c r="D57" s="456"/>
      <c r="E57" s="461" t="s">
        <v>61</v>
      </c>
      <c r="F57" s="462"/>
      <c r="G57" s="462"/>
      <c r="H57" s="463"/>
      <c r="I57" s="465" t="s">
        <v>61</v>
      </c>
      <c r="J57" s="465"/>
      <c r="K57" s="465"/>
      <c r="L57" s="466"/>
      <c r="M57" s="458" t="s">
        <v>60</v>
      </c>
      <c r="N57" s="459"/>
      <c r="O57" s="459"/>
      <c r="P57" s="459"/>
      <c r="Q57" s="459"/>
      <c r="R57" s="459"/>
      <c r="S57" s="459"/>
      <c r="T57" s="459"/>
      <c r="U57" s="459"/>
      <c r="V57" s="459"/>
      <c r="W57" s="459"/>
      <c r="X57" s="459"/>
      <c r="Y57" s="459"/>
      <c r="Z57" s="459"/>
      <c r="AA57" s="459"/>
      <c r="AB57" s="459"/>
      <c r="AC57" s="459"/>
      <c r="AD57" s="459"/>
      <c r="AE57" s="459"/>
      <c r="AF57" s="459"/>
      <c r="AG57" s="459"/>
      <c r="AH57" s="455"/>
      <c r="AI57" s="456"/>
      <c r="AJ57" s="456"/>
      <c r="AK57" s="456"/>
      <c r="AL57" s="456"/>
      <c r="AM57" s="457"/>
      <c r="AN57" s="455"/>
      <c r="AO57" s="456"/>
      <c r="AP57" s="456"/>
      <c r="AQ57" s="456"/>
      <c r="AR57" s="456"/>
      <c r="AS57" s="456"/>
      <c r="AT57" s="456"/>
      <c r="AU57" s="457"/>
    </row>
    <row r="58" spans="1:47" ht="15.95" customHeight="1" x14ac:dyDescent="0.15">
      <c r="A58" s="437" t="s">
        <v>271</v>
      </c>
      <c r="B58" s="438"/>
      <c r="C58" s="438"/>
      <c r="D58" s="439"/>
      <c r="E58" s="438" t="s">
        <v>526</v>
      </c>
      <c r="F58" s="438"/>
      <c r="G58" s="438"/>
      <c r="H58" s="439"/>
      <c r="I58" s="437" t="s">
        <v>130</v>
      </c>
      <c r="J58" s="438"/>
      <c r="K58" s="438"/>
      <c r="L58" s="439"/>
      <c r="M58" s="140" t="s">
        <v>7</v>
      </c>
      <c r="N58" s="208" t="s">
        <v>273</v>
      </c>
      <c r="O58" s="208"/>
      <c r="P58" s="207" t="s">
        <v>25</v>
      </c>
      <c r="Q58" s="140" t="s">
        <v>7</v>
      </c>
      <c r="R58" s="98" t="s">
        <v>1</v>
      </c>
      <c r="S58" s="208"/>
      <c r="T58" s="140" t="s">
        <v>54</v>
      </c>
      <c r="U58" s="98" t="s">
        <v>274</v>
      </c>
      <c r="V58" s="208"/>
      <c r="W58" s="98"/>
      <c r="X58" s="98"/>
      <c r="Y58" s="206"/>
      <c r="Z58" s="98"/>
      <c r="AA58" s="98"/>
      <c r="AB58" s="98"/>
      <c r="AC58" s="98"/>
      <c r="AD58" s="207"/>
      <c r="AE58" s="207"/>
      <c r="AF58" s="207"/>
      <c r="AG58" s="262" t="s">
        <v>26</v>
      </c>
      <c r="AH58" s="138" t="s">
        <v>7</v>
      </c>
      <c r="AI58" s="98" t="s">
        <v>363</v>
      </c>
      <c r="AJ58" s="98"/>
      <c r="AK58" s="98"/>
      <c r="AL58" s="140"/>
      <c r="AM58" s="240"/>
      <c r="AN58" s="138"/>
      <c r="AO58" s="98"/>
      <c r="AP58" s="140"/>
      <c r="AQ58" s="98"/>
      <c r="AR58" s="114"/>
      <c r="AS58" s="98"/>
      <c r="AT58" s="98"/>
      <c r="AU58" s="142"/>
    </row>
    <row r="59" spans="1:47" ht="15.95" customHeight="1" x14ac:dyDescent="0.15">
      <c r="A59" s="449" t="s">
        <v>275</v>
      </c>
      <c r="B59" s="450"/>
      <c r="C59" s="450"/>
      <c r="D59" s="451"/>
      <c r="E59" s="148"/>
      <c r="F59" s="92"/>
      <c r="G59" s="92"/>
      <c r="H59" s="145"/>
      <c r="I59" s="449" t="s">
        <v>527</v>
      </c>
      <c r="J59" s="450"/>
      <c r="K59" s="450"/>
      <c r="L59" s="451"/>
      <c r="M59" s="146" t="s">
        <v>7</v>
      </c>
      <c r="N59" s="103" t="s">
        <v>277</v>
      </c>
      <c r="O59" s="103"/>
      <c r="P59" s="175" t="s">
        <v>25</v>
      </c>
      <c r="Q59" s="151" t="s">
        <v>7</v>
      </c>
      <c r="R59" s="92" t="s">
        <v>1</v>
      </c>
      <c r="S59" s="103"/>
      <c r="T59" s="151" t="s">
        <v>54</v>
      </c>
      <c r="U59" s="92" t="s">
        <v>274</v>
      </c>
      <c r="V59" s="103"/>
      <c r="W59" s="92"/>
      <c r="X59" s="92"/>
      <c r="Y59" s="102"/>
      <c r="Z59" s="92"/>
      <c r="AA59" s="92"/>
      <c r="AB59" s="92"/>
      <c r="AC59" s="92"/>
      <c r="AD59" s="175"/>
      <c r="AE59" s="175"/>
      <c r="AF59" s="175"/>
      <c r="AG59" s="103" t="s">
        <v>26</v>
      </c>
      <c r="AH59" s="146" t="s">
        <v>7</v>
      </c>
      <c r="AI59" s="92"/>
      <c r="AJ59" s="92"/>
      <c r="AK59" s="92"/>
      <c r="AL59" s="151"/>
      <c r="AM59" s="92"/>
      <c r="AN59" s="148"/>
      <c r="AP59" s="124"/>
      <c r="AQ59" s="92"/>
      <c r="AS59" s="92"/>
      <c r="AT59" s="92"/>
      <c r="AU59" s="145"/>
    </row>
    <row r="60" spans="1:47" ht="15.95" customHeight="1" x14ac:dyDescent="0.15">
      <c r="A60" s="486" t="s">
        <v>528</v>
      </c>
      <c r="B60" s="487"/>
      <c r="C60" s="487"/>
      <c r="D60" s="488"/>
      <c r="E60" s="92"/>
      <c r="F60" s="92"/>
      <c r="G60" s="92"/>
      <c r="H60" s="145"/>
      <c r="I60" s="449" t="s">
        <v>529</v>
      </c>
      <c r="J60" s="450"/>
      <c r="K60" s="450"/>
      <c r="L60" s="451"/>
      <c r="M60" s="146" t="s">
        <v>7</v>
      </c>
      <c r="N60" s="103" t="s">
        <v>280</v>
      </c>
      <c r="O60" s="103"/>
      <c r="P60" s="175" t="s">
        <v>25</v>
      </c>
      <c r="Q60" s="151" t="s">
        <v>7</v>
      </c>
      <c r="R60" s="92" t="s">
        <v>1</v>
      </c>
      <c r="S60" s="103"/>
      <c r="T60" s="151" t="s">
        <v>54</v>
      </c>
      <c r="U60" s="92" t="s">
        <v>274</v>
      </c>
      <c r="V60" s="103"/>
      <c r="W60" s="92"/>
      <c r="X60" s="92"/>
      <c r="Y60" s="102"/>
      <c r="Z60" s="92"/>
      <c r="AA60" s="92"/>
      <c r="AB60" s="92"/>
      <c r="AC60" s="92"/>
      <c r="AD60" s="175"/>
      <c r="AE60" s="175"/>
      <c r="AF60" s="175"/>
      <c r="AG60" s="251" t="s">
        <v>26</v>
      </c>
      <c r="AH60" s="124"/>
      <c r="AI60" s="92"/>
      <c r="AJ60" s="92"/>
      <c r="AK60" s="92"/>
      <c r="AL60" s="92"/>
      <c r="AM60" s="92"/>
      <c r="AN60" s="148"/>
      <c r="AO60" s="92"/>
      <c r="AP60" s="102"/>
      <c r="AQ60" s="102"/>
      <c r="AR60" s="102"/>
      <c r="AS60" s="92"/>
      <c r="AT60" s="92"/>
      <c r="AU60" s="145"/>
    </row>
    <row r="61" spans="1:47" ht="15.95" customHeight="1" x14ac:dyDescent="0.15">
      <c r="A61" s="494" t="s">
        <v>530</v>
      </c>
      <c r="B61" s="431"/>
      <c r="C61" s="431"/>
      <c r="D61" s="495"/>
      <c r="E61" s="92"/>
      <c r="F61" s="92"/>
      <c r="G61" s="92"/>
      <c r="H61" s="145"/>
      <c r="I61" s="162"/>
      <c r="J61" s="153"/>
      <c r="K61" s="153"/>
      <c r="L61" s="154"/>
      <c r="M61" s="167"/>
      <c r="N61" s="97"/>
      <c r="O61" s="97"/>
      <c r="P61" s="253"/>
      <c r="Q61" s="126"/>
      <c r="R61" s="105"/>
      <c r="S61" s="97"/>
      <c r="T61" s="126"/>
      <c r="U61" s="105"/>
      <c r="V61" s="97"/>
      <c r="W61" s="105"/>
      <c r="X61" s="105"/>
      <c r="Y61" s="96"/>
      <c r="Z61" s="105"/>
      <c r="AA61" s="105"/>
      <c r="AB61" s="105"/>
      <c r="AC61" s="105"/>
      <c r="AD61" s="253"/>
      <c r="AE61" s="253"/>
      <c r="AF61" s="253"/>
      <c r="AG61" s="191"/>
      <c r="AH61" s="115"/>
      <c r="AI61" s="105"/>
      <c r="AJ61" s="105"/>
      <c r="AK61" s="105"/>
      <c r="AL61" s="126"/>
      <c r="AM61" s="97"/>
      <c r="AN61" s="169"/>
      <c r="AO61" s="116"/>
      <c r="AP61" s="96"/>
      <c r="AQ61" s="96"/>
      <c r="AR61" s="96"/>
      <c r="AS61" s="105"/>
      <c r="AT61" s="105"/>
      <c r="AU61" s="170"/>
    </row>
    <row r="62" spans="1:47" ht="15.95" customHeight="1" x14ac:dyDescent="0.15">
      <c r="A62" s="494"/>
      <c r="B62" s="431"/>
      <c r="C62" s="431"/>
      <c r="D62" s="495"/>
      <c r="E62" s="437" t="s">
        <v>531</v>
      </c>
      <c r="F62" s="499"/>
      <c r="G62" s="499"/>
      <c r="H62" s="500"/>
      <c r="I62" s="437" t="s">
        <v>531</v>
      </c>
      <c r="J62" s="499"/>
      <c r="K62" s="499"/>
      <c r="L62" s="500"/>
      <c r="M62" s="140" t="s">
        <v>7</v>
      </c>
      <c r="N62" s="208" t="s">
        <v>273</v>
      </c>
      <c r="O62" s="208"/>
      <c r="P62" s="207" t="s">
        <v>25</v>
      </c>
      <c r="Q62" s="140" t="s">
        <v>7</v>
      </c>
      <c r="R62" s="98" t="s">
        <v>1</v>
      </c>
      <c r="S62" s="208"/>
      <c r="T62" s="140" t="s">
        <v>54</v>
      </c>
      <c r="U62" s="98" t="s">
        <v>274</v>
      </c>
      <c r="V62" s="208"/>
      <c r="W62" s="98"/>
      <c r="X62" s="98"/>
      <c r="Y62" s="206"/>
      <c r="Z62" s="98"/>
      <c r="AA62" s="98"/>
      <c r="AB62" s="98"/>
      <c r="AC62" s="98"/>
      <c r="AD62" s="207"/>
      <c r="AE62" s="207"/>
      <c r="AF62" s="207"/>
      <c r="AG62" s="262" t="s">
        <v>26</v>
      </c>
      <c r="AH62" s="138" t="s">
        <v>7</v>
      </c>
      <c r="AI62" s="98" t="s">
        <v>363</v>
      </c>
      <c r="AJ62" s="98"/>
      <c r="AK62" s="98"/>
      <c r="AL62" s="140"/>
      <c r="AM62" s="240"/>
      <c r="AN62" s="138"/>
      <c r="AO62" s="98"/>
      <c r="AP62" s="140"/>
      <c r="AQ62" s="98"/>
      <c r="AR62" s="114"/>
      <c r="AS62" s="98"/>
      <c r="AT62" s="98"/>
      <c r="AU62" s="142"/>
    </row>
    <row r="63" spans="1:47" ht="15.95" customHeight="1" x14ac:dyDescent="0.15">
      <c r="A63" s="537" t="s">
        <v>532</v>
      </c>
      <c r="B63" s="538"/>
      <c r="C63" s="538"/>
      <c r="D63" s="539"/>
      <c r="E63" s="148"/>
      <c r="F63" s="124"/>
      <c r="G63" s="124"/>
      <c r="H63" s="157"/>
      <c r="I63" s="449" t="s">
        <v>533</v>
      </c>
      <c r="J63" s="477"/>
      <c r="K63" s="477"/>
      <c r="L63" s="478"/>
      <c r="M63" s="151" t="s">
        <v>7</v>
      </c>
      <c r="N63" s="103" t="s">
        <v>277</v>
      </c>
      <c r="O63" s="103"/>
      <c r="P63" s="175" t="s">
        <v>25</v>
      </c>
      <c r="Q63" s="151" t="s">
        <v>7</v>
      </c>
      <c r="R63" s="92" t="s">
        <v>1</v>
      </c>
      <c r="S63" s="103"/>
      <c r="T63" s="151" t="s">
        <v>54</v>
      </c>
      <c r="U63" s="92" t="s">
        <v>274</v>
      </c>
      <c r="V63" s="103"/>
      <c r="W63" s="92"/>
      <c r="X63" s="92"/>
      <c r="Y63" s="102"/>
      <c r="Z63" s="92"/>
      <c r="AA63" s="92"/>
      <c r="AB63" s="92"/>
      <c r="AC63" s="92"/>
      <c r="AD63" s="175"/>
      <c r="AE63" s="175"/>
      <c r="AF63" s="175"/>
      <c r="AG63" s="251" t="s">
        <v>26</v>
      </c>
      <c r="AH63" s="146" t="s">
        <v>7</v>
      </c>
      <c r="AI63" s="92"/>
      <c r="AJ63" s="92"/>
      <c r="AK63" s="92"/>
      <c r="AL63" s="151"/>
      <c r="AM63" s="92"/>
      <c r="AN63" s="148"/>
      <c r="AP63" s="124"/>
      <c r="AQ63" s="92"/>
      <c r="AS63" s="92"/>
      <c r="AT63" s="92"/>
      <c r="AU63" s="145"/>
    </row>
    <row r="64" spans="1:47" ht="15.95" customHeight="1" x14ac:dyDescent="0.15">
      <c r="A64" s="537"/>
      <c r="B64" s="538"/>
      <c r="C64" s="538"/>
      <c r="D64" s="539"/>
      <c r="E64" s="148"/>
      <c r="F64" s="92"/>
      <c r="G64" s="92"/>
      <c r="H64" s="145"/>
      <c r="I64" s="449" t="s">
        <v>534</v>
      </c>
      <c r="J64" s="450"/>
      <c r="K64" s="450"/>
      <c r="L64" s="451"/>
      <c r="M64" s="151" t="s">
        <v>7</v>
      </c>
      <c r="N64" s="103" t="s">
        <v>280</v>
      </c>
      <c r="O64" s="103"/>
      <c r="P64" s="175" t="s">
        <v>25</v>
      </c>
      <c r="Q64" s="151" t="s">
        <v>7</v>
      </c>
      <c r="R64" s="92" t="s">
        <v>1</v>
      </c>
      <c r="S64" s="103"/>
      <c r="T64" s="151" t="s">
        <v>54</v>
      </c>
      <c r="U64" s="92" t="s">
        <v>274</v>
      </c>
      <c r="V64" s="103"/>
      <c r="W64" s="92"/>
      <c r="X64" s="92"/>
      <c r="Y64" s="102"/>
      <c r="Z64" s="92"/>
      <c r="AA64" s="92"/>
      <c r="AB64" s="92"/>
      <c r="AC64" s="92"/>
      <c r="AD64" s="175"/>
      <c r="AE64" s="175"/>
      <c r="AF64" s="175"/>
      <c r="AG64" s="251" t="s">
        <v>26</v>
      </c>
      <c r="AH64" s="124"/>
      <c r="AI64" s="92"/>
      <c r="AJ64" s="92"/>
      <c r="AK64" s="92"/>
      <c r="AL64" s="92"/>
      <c r="AM64" s="92"/>
      <c r="AN64" s="148"/>
      <c r="AO64" s="92"/>
      <c r="AS64" s="92"/>
      <c r="AT64" s="92"/>
      <c r="AU64" s="145"/>
    </row>
    <row r="65" spans="1:47" ht="15.95" customHeight="1" x14ac:dyDescent="0.15">
      <c r="A65" s="537"/>
      <c r="B65" s="538"/>
      <c r="C65" s="538"/>
      <c r="D65" s="539"/>
      <c r="E65" s="169"/>
      <c r="F65" s="105"/>
      <c r="G65" s="105"/>
      <c r="H65" s="170"/>
      <c r="I65" s="164"/>
      <c r="J65" s="105"/>
      <c r="K65" s="105"/>
      <c r="L65" s="170"/>
      <c r="M65" s="126" t="s">
        <v>54</v>
      </c>
      <c r="N65" s="97" t="s">
        <v>535</v>
      </c>
      <c r="O65" s="97"/>
      <c r="P65" s="97"/>
      <c r="Q65" s="97"/>
      <c r="R65" s="105"/>
      <c r="S65" s="97"/>
      <c r="T65" s="97"/>
      <c r="U65" s="97"/>
      <c r="V65" s="105"/>
      <c r="W65" s="96"/>
      <c r="X65" s="96"/>
      <c r="Y65" s="96"/>
      <c r="Z65" s="96"/>
      <c r="AA65" s="96"/>
      <c r="AB65" s="96"/>
      <c r="AC65" s="96"/>
      <c r="AD65" s="96"/>
      <c r="AE65" s="96"/>
      <c r="AF65" s="96"/>
      <c r="AG65" s="259"/>
      <c r="AH65" s="115"/>
      <c r="AI65" s="105"/>
      <c r="AJ65" s="105"/>
      <c r="AK65" s="105"/>
      <c r="AL65" s="126"/>
      <c r="AM65" s="97"/>
      <c r="AN65" s="169"/>
      <c r="AO65" s="116"/>
      <c r="AP65" s="116"/>
      <c r="AQ65" s="116"/>
      <c r="AR65" s="116"/>
      <c r="AS65" s="105"/>
      <c r="AT65" s="105"/>
      <c r="AU65" s="170"/>
    </row>
    <row r="66" spans="1:47" ht="15.95" customHeight="1" x14ac:dyDescent="0.15">
      <c r="A66" s="146" t="s">
        <v>7</v>
      </c>
      <c r="B66" s="538" t="s">
        <v>668</v>
      </c>
      <c r="C66" s="538"/>
      <c r="D66" s="539"/>
      <c r="E66" s="449" t="s">
        <v>536</v>
      </c>
      <c r="F66" s="477"/>
      <c r="G66" s="477"/>
      <c r="H66" s="478"/>
      <c r="I66" s="449" t="s">
        <v>537</v>
      </c>
      <c r="J66" s="477"/>
      <c r="K66" s="477"/>
      <c r="L66" s="478"/>
      <c r="M66" s="155" t="s">
        <v>66</v>
      </c>
      <c r="N66" s="103" t="s">
        <v>538</v>
      </c>
      <c r="O66" s="103"/>
      <c r="P66" s="103"/>
      <c r="Q66" s="103"/>
      <c r="R66" s="92"/>
      <c r="S66" s="103"/>
      <c r="T66" s="103"/>
      <c r="U66" s="103"/>
      <c r="V66" s="92"/>
      <c r="W66" s="102"/>
      <c r="X66" s="102"/>
      <c r="Y66" s="102"/>
      <c r="Z66" s="102"/>
      <c r="AA66" s="102"/>
      <c r="AB66" s="102"/>
      <c r="AC66" s="102"/>
      <c r="AD66" s="102"/>
      <c r="AE66" s="102"/>
      <c r="AF66" s="102"/>
      <c r="AG66" s="152"/>
      <c r="AH66" s="146" t="s">
        <v>7</v>
      </c>
      <c r="AI66" s="92" t="s">
        <v>287</v>
      </c>
      <c r="AJ66" s="92"/>
      <c r="AK66" s="92"/>
      <c r="AL66" s="151"/>
      <c r="AM66" s="156"/>
      <c r="AN66" s="146"/>
      <c r="AO66" s="92"/>
      <c r="AP66" s="151"/>
      <c r="AQ66" s="92"/>
      <c r="AS66" s="92"/>
      <c r="AT66" s="92"/>
      <c r="AU66" s="145"/>
    </row>
    <row r="67" spans="1:47" ht="15.95" customHeight="1" x14ac:dyDescent="0.15">
      <c r="A67" s="149"/>
      <c r="B67" s="538"/>
      <c r="C67" s="538"/>
      <c r="D67" s="539"/>
      <c r="E67" s="162"/>
      <c r="F67" s="153"/>
      <c r="G67" s="153"/>
      <c r="H67" s="154"/>
      <c r="I67" s="449" t="s">
        <v>539</v>
      </c>
      <c r="J67" s="477"/>
      <c r="K67" s="477"/>
      <c r="L67" s="478"/>
      <c r="M67" s="173" t="s">
        <v>540</v>
      </c>
      <c r="N67" s="175"/>
      <c r="O67" s="103"/>
      <c r="P67" s="103"/>
      <c r="Q67" s="103"/>
      <c r="R67" s="92"/>
      <c r="S67" s="103" t="s">
        <v>541</v>
      </c>
      <c r="T67" s="103"/>
      <c r="U67" s="103"/>
      <c r="V67" s="92"/>
      <c r="W67" s="102"/>
      <c r="X67" s="103"/>
      <c r="Y67" s="103"/>
      <c r="Z67" s="103"/>
      <c r="AA67" s="102" t="s">
        <v>165</v>
      </c>
      <c r="AB67" s="102"/>
      <c r="AC67" s="102"/>
      <c r="AD67" s="102"/>
      <c r="AE67" s="102"/>
      <c r="AF67" s="102"/>
      <c r="AG67" s="152"/>
      <c r="AH67" s="146" t="s">
        <v>7</v>
      </c>
      <c r="AI67" s="92" t="s">
        <v>278</v>
      </c>
      <c r="AJ67" s="92"/>
      <c r="AK67" s="92"/>
      <c r="AL67" s="151"/>
      <c r="AM67" s="92"/>
      <c r="AN67" s="148"/>
      <c r="AP67" s="124"/>
      <c r="AQ67" s="92"/>
      <c r="AS67" s="92"/>
      <c r="AT67" s="92"/>
      <c r="AU67" s="145"/>
    </row>
    <row r="68" spans="1:47" ht="15.95" customHeight="1" x14ac:dyDescent="0.15">
      <c r="A68" s="149"/>
      <c r="B68" s="538"/>
      <c r="C68" s="538"/>
      <c r="D68" s="539"/>
      <c r="E68" s="162"/>
      <c r="F68" s="153"/>
      <c r="G68" s="153"/>
      <c r="H68" s="154"/>
      <c r="I68" s="449" t="s">
        <v>542</v>
      </c>
      <c r="J68" s="450"/>
      <c r="K68" s="450"/>
      <c r="L68" s="451"/>
      <c r="M68" s="175" t="s">
        <v>25</v>
      </c>
      <c r="N68" s="431"/>
      <c r="O68" s="431"/>
      <c r="P68" s="431"/>
      <c r="Q68" s="103" t="s">
        <v>26</v>
      </c>
      <c r="R68" s="175" t="s">
        <v>25</v>
      </c>
      <c r="S68" s="103"/>
      <c r="T68" s="103"/>
      <c r="U68" s="103"/>
      <c r="V68" s="103"/>
      <c r="W68" s="103"/>
      <c r="X68" s="103"/>
      <c r="Y68" s="103" t="s">
        <v>26</v>
      </c>
      <c r="Z68" s="175" t="s">
        <v>25</v>
      </c>
      <c r="AA68" s="151" t="s">
        <v>7</v>
      </c>
      <c r="AB68" s="103" t="s">
        <v>306</v>
      </c>
      <c r="AC68" s="102"/>
      <c r="AD68" s="151" t="s">
        <v>54</v>
      </c>
      <c r="AE68" s="103" t="s">
        <v>543</v>
      </c>
      <c r="AF68" s="103"/>
      <c r="AG68" s="152"/>
      <c r="AH68" s="146" t="s">
        <v>7</v>
      </c>
      <c r="AI68" s="92" t="s">
        <v>122</v>
      </c>
      <c r="AJ68" s="92"/>
      <c r="AK68" s="92"/>
      <c r="AL68" s="92"/>
      <c r="AM68" s="92"/>
      <c r="AN68" s="148"/>
      <c r="AO68" s="92"/>
      <c r="AS68" s="92"/>
      <c r="AT68" s="92"/>
      <c r="AU68" s="145"/>
    </row>
    <row r="69" spans="1:47" ht="15.95" customHeight="1" x14ac:dyDescent="0.15">
      <c r="A69" s="149"/>
      <c r="E69" s="148"/>
      <c r="F69" s="92"/>
      <c r="G69" s="92"/>
      <c r="H69" s="145"/>
      <c r="I69" s="486" t="s">
        <v>544</v>
      </c>
      <c r="J69" s="487"/>
      <c r="K69" s="487"/>
      <c r="L69" s="488"/>
      <c r="M69" s="175" t="s">
        <v>25</v>
      </c>
      <c r="N69" s="431"/>
      <c r="O69" s="431"/>
      <c r="P69" s="431"/>
      <c r="Q69" s="103" t="s">
        <v>26</v>
      </c>
      <c r="R69" s="175" t="s">
        <v>25</v>
      </c>
      <c r="S69" s="103"/>
      <c r="T69" s="103"/>
      <c r="U69" s="103"/>
      <c r="V69" s="103"/>
      <c r="W69" s="103"/>
      <c r="X69" s="103"/>
      <c r="Y69" s="103" t="s">
        <v>26</v>
      </c>
      <c r="Z69" s="175" t="s">
        <v>25</v>
      </c>
      <c r="AA69" s="151" t="s">
        <v>54</v>
      </c>
      <c r="AB69" s="103" t="s">
        <v>306</v>
      </c>
      <c r="AC69" s="102"/>
      <c r="AD69" s="151" t="s">
        <v>7</v>
      </c>
      <c r="AE69" s="103" t="s">
        <v>543</v>
      </c>
      <c r="AF69" s="103"/>
      <c r="AG69" s="152"/>
      <c r="AH69" s="146" t="s">
        <v>7</v>
      </c>
      <c r="AI69" s="92" t="s">
        <v>545</v>
      </c>
      <c r="AJ69" s="92"/>
      <c r="AK69" s="92" t="s">
        <v>324</v>
      </c>
      <c r="AL69" s="151"/>
      <c r="AM69" s="103"/>
      <c r="AN69" s="148"/>
      <c r="AS69" s="92"/>
      <c r="AT69" s="92"/>
      <c r="AU69" s="145"/>
    </row>
    <row r="70" spans="1:47" ht="15.95" customHeight="1" x14ac:dyDescent="0.15">
      <c r="A70" s="162"/>
      <c r="B70" s="255"/>
      <c r="C70" s="255"/>
      <c r="D70" s="256"/>
      <c r="E70" s="148"/>
      <c r="F70" s="92"/>
      <c r="G70" s="92"/>
      <c r="H70" s="145"/>
      <c r="I70" s="155"/>
      <c r="J70" s="102"/>
      <c r="K70" s="102"/>
      <c r="L70" s="152"/>
      <c r="M70" s="175" t="s">
        <v>25</v>
      </c>
      <c r="N70" s="479"/>
      <c r="O70" s="479"/>
      <c r="P70" s="479"/>
      <c r="Q70" s="103" t="s">
        <v>26</v>
      </c>
      <c r="R70" s="175" t="s">
        <v>25</v>
      </c>
      <c r="S70" s="431"/>
      <c r="T70" s="431"/>
      <c r="U70" s="431"/>
      <c r="V70" s="431"/>
      <c r="W70" s="431"/>
      <c r="X70" s="103"/>
      <c r="Y70" s="103" t="s">
        <v>26</v>
      </c>
      <c r="Z70" s="175" t="s">
        <v>25</v>
      </c>
      <c r="AA70" s="151" t="s">
        <v>54</v>
      </c>
      <c r="AB70" s="103" t="s">
        <v>306</v>
      </c>
      <c r="AC70" s="102"/>
      <c r="AD70" s="151" t="s">
        <v>54</v>
      </c>
      <c r="AE70" s="103" t="s">
        <v>543</v>
      </c>
      <c r="AF70" s="103"/>
      <c r="AG70" s="152"/>
      <c r="AH70" s="146" t="s">
        <v>7</v>
      </c>
      <c r="AI70" s="92"/>
      <c r="AJ70" s="92"/>
      <c r="AK70" s="92"/>
      <c r="AN70" s="149"/>
      <c r="AS70" s="92"/>
      <c r="AT70" s="92"/>
      <c r="AU70" s="145"/>
    </row>
    <row r="71" spans="1:47" ht="15.95" customHeight="1" x14ac:dyDescent="0.15">
      <c r="A71" s="149"/>
      <c r="E71" s="148"/>
      <c r="F71" s="92"/>
      <c r="G71" s="92"/>
      <c r="H71" s="145"/>
      <c r="I71" s="155"/>
      <c r="J71" s="102"/>
      <c r="K71" s="102"/>
      <c r="L71" s="152"/>
      <c r="M71" s="155" t="s">
        <v>66</v>
      </c>
      <c r="N71" s="103" t="s">
        <v>546</v>
      </c>
      <c r="O71" s="102"/>
      <c r="P71" s="102"/>
      <c r="Q71" s="103"/>
      <c r="R71" s="175"/>
      <c r="S71" s="102"/>
      <c r="T71" s="102"/>
      <c r="U71" s="102"/>
      <c r="V71" s="102"/>
      <c r="W71" s="102"/>
      <c r="X71" s="103"/>
      <c r="Y71" s="103"/>
      <c r="Z71" s="175"/>
      <c r="AA71" s="102"/>
      <c r="AB71" s="103"/>
      <c r="AC71" s="102"/>
      <c r="AD71" s="102"/>
      <c r="AE71" s="103"/>
      <c r="AF71" s="103"/>
      <c r="AG71" s="152"/>
      <c r="AH71" s="92"/>
      <c r="AI71" s="92"/>
      <c r="AJ71" s="92"/>
      <c r="AK71" s="92"/>
      <c r="AL71" s="92"/>
      <c r="AM71" s="92"/>
      <c r="AN71" s="148"/>
      <c r="AS71" s="92"/>
      <c r="AT71" s="92"/>
      <c r="AU71" s="145"/>
    </row>
    <row r="72" spans="1:47" ht="15.95" customHeight="1" x14ac:dyDescent="0.15">
      <c r="A72" s="149"/>
      <c r="E72" s="148"/>
      <c r="F72" s="92"/>
      <c r="G72" s="92"/>
      <c r="H72" s="145"/>
      <c r="I72" s="155"/>
      <c r="J72" s="102"/>
      <c r="K72" s="102"/>
      <c r="L72" s="152"/>
      <c r="M72" s="173" t="s">
        <v>540</v>
      </c>
      <c r="N72" s="175"/>
      <c r="O72" s="103"/>
      <c r="P72" s="103"/>
      <c r="Q72" s="103"/>
      <c r="R72" s="92"/>
      <c r="S72" s="103" t="s">
        <v>547</v>
      </c>
      <c r="T72" s="103"/>
      <c r="U72" s="103"/>
      <c r="V72" s="92"/>
      <c r="W72" s="102"/>
      <c r="X72" s="103"/>
      <c r="Y72" s="103"/>
      <c r="Z72" s="103"/>
      <c r="AA72" s="102" t="s">
        <v>165</v>
      </c>
      <c r="AB72" s="102"/>
      <c r="AC72" s="102"/>
      <c r="AD72" s="102"/>
      <c r="AE72" s="102"/>
      <c r="AF72" s="102"/>
      <c r="AG72" s="152"/>
      <c r="AH72" s="92"/>
      <c r="AI72" s="92"/>
      <c r="AJ72" s="92"/>
      <c r="AK72" s="92"/>
      <c r="AL72" s="102"/>
      <c r="AM72" s="92"/>
      <c r="AN72" s="148"/>
      <c r="AS72" s="92"/>
      <c r="AT72" s="92"/>
      <c r="AU72" s="145"/>
    </row>
    <row r="73" spans="1:47" ht="15.95" customHeight="1" x14ac:dyDescent="0.15">
      <c r="A73" s="149"/>
      <c r="E73" s="148"/>
      <c r="F73" s="92"/>
      <c r="G73" s="92"/>
      <c r="H73" s="145"/>
      <c r="I73" s="155"/>
      <c r="J73" s="102"/>
      <c r="K73" s="102"/>
      <c r="L73" s="152"/>
      <c r="M73" s="175" t="s">
        <v>25</v>
      </c>
      <c r="N73" s="431"/>
      <c r="O73" s="431"/>
      <c r="P73" s="431"/>
      <c r="Q73" s="103" t="s">
        <v>26</v>
      </c>
      <c r="R73" s="175" t="s">
        <v>25</v>
      </c>
      <c r="S73" s="103"/>
      <c r="T73" s="103"/>
      <c r="U73" s="103"/>
      <c r="V73" s="103"/>
      <c r="W73" s="103"/>
      <c r="X73" s="103"/>
      <c r="Y73" s="103" t="s">
        <v>26</v>
      </c>
      <c r="Z73" s="175" t="s">
        <v>25</v>
      </c>
      <c r="AA73" s="151" t="s">
        <v>7</v>
      </c>
      <c r="AB73" s="103" t="s">
        <v>306</v>
      </c>
      <c r="AC73" s="102"/>
      <c r="AD73" s="151" t="s">
        <v>54</v>
      </c>
      <c r="AE73" s="103" t="s">
        <v>543</v>
      </c>
      <c r="AF73" s="103"/>
      <c r="AG73" s="152"/>
      <c r="AH73" s="92"/>
      <c r="AI73" s="92"/>
      <c r="AJ73" s="92"/>
      <c r="AK73" s="92"/>
      <c r="AL73" s="102"/>
      <c r="AM73" s="92"/>
      <c r="AN73" s="148"/>
      <c r="AS73" s="92"/>
      <c r="AT73" s="92"/>
      <c r="AU73" s="145"/>
    </row>
    <row r="74" spans="1:47" ht="15.95" customHeight="1" x14ac:dyDescent="0.15">
      <c r="A74" s="148"/>
      <c r="B74" s="92"/>
      <c r="C74" s="92"/>
      <c r="D74" s="145"/>
      <c r="E74" s="148"/>
      <c r="F74" s="92"/>
      <c r="G74" s="92"/>
      <c r="H74" s="145"/>
      <c r="I74" s="155"/>
      <c r="J74" s="102"/>
      <c r="K74" s="102"/>
      <c r="L74" s="152"/>
      <c r="M74" s="175" t="s">
        <v>25</v>
      </c>
      <c r="N74" s="431"/>
      <c r="O74" s="431"/>
      <c r="P74" s="431"/>
      <c r="Q74" s="103" t="s">
        <v>26</v>
      </c>
      <c r="R74" s="175" t="s">
        <v>25</v>
      </c>
      <c r="S74" s="103"/>
      <c r="T74" s="103"/>
      <c r="U74" s="103"/>
      <c r="V74" s="103"/>
      <c r="W74" s="103"/>
      <c r="X74" s="103"/>
      <c r="Y74" s="103" t="s">
        <v>26</v>
      </c>
      <c r="Z74" s="175" t="s">
        <v>25</v>
      </c>
      <c r="AA74" s="151" t="s">
        <v>7</v>
      </c>
      <c r="AB74" s="103" t="s">
        <v>306</v>
      </c>
      <c r="AC74" s="102"/>
      <c r="AD74" s="151" t="s">
        <v>54</v>
      </c>
      <c r="AE74" s="103" t="s">
        <v>543</v>
      </c>
      <c r="AF74" s="103"/>
      <c r="AG74" s="152"/>
      <c r="AH74" s="92"/>
      <c r="AI74" s="92"/>
      <c r="AJ74" s="92"/>
      <c r="AK74" s="92"/>
      <c r="AL74" s="102"/>
      <c r="AM74" s="92"/>
      <c r="AN74" s="148"/>
      <c r="AS74" s="92"/>
      <c r="AT74" s="92"/>
      <c r="AU74" s="145"/>
    </row>
    <row r="75" spans="1:47" ht="15.95" customHeight="1" x14ac:dyDescent="0.15">
      <c r="A75" s="148"/>
      <c r="B75" s="92"/>
      <c r="C75" s="92"/>
      <c r="D75" s="145"/>
      <c r="E75" s="148"/>
      <c r="F75" s="92"/>
      <c r="G75" s="92"/>
      <c r="H75" s="145"/>
      <c r="I75" s="155"/>
      <c r="J75" s="102"/>
      <c r="K75" s="102"/>
      <c r="L75" s="152"/>
      <c r="M75" s="253" t="s">
        <v>25</v>
      </c>
      <c r="N75" s="116"/>
      <c r="O75" s="456"/>
      <c r="P75" s="456"/>
      <c r="Q75" s="97" t="s">
        <v>26</v>
      </c>
      <c r="R75" s="253" t="s">
        <v>25</v>
      </c>
      <c r="S75" s="456"/>
      <c r="T75" s="456"/>
      <c r="U75" s="456"/>
      <c r="V75" s="456"/>
      <c r="W75" s="456"/>
      <c r="X75" s="97"/>
      <c r="Y75" s="97" t="s">
        <v>26</v>
      </c>
      <c r="Z75" s="253" t="s">
        <v>25</v>
      </c>
      <c r="AA75" s="126" t="s">
        <v>54</v>
      </c>
      <c r="AB75" s="97" t="s">
        <v>306</v>
      </c>
      <c r="AC75" s="96"/>
      <c r="AD75" s="126" t="s">
        <v>54</v>
      </c>
      <c r="AE75" s="97" t="s">
        <v>543</v>
      </c>
      <c r="AF75" s="97"/>
      <c r="AG75" s="259"/>
      <c r="AH75" s="169"/>
      <c r="AI75" s="105"/>
      <c r="AJ75" s="105"/>
      <c r="AK75" s="105"/>
      <c r="AL75" s="97"/>
      <c r="AM75" s="105"/>
      <c r="AN75" s="169"/>
      <c r="AO75" s="116"/>
      <c r="AP75" s="116"/>
      <c r="AQ75" s="116"/>
      <c r="AR75" s="116"/>
      <c r="AS75" s="105"/>
      <c r="AT75" s="105"/>
      <c r="AU75" s="170"/>
    </row>
    <row r="76" spans="1:47" ht="15.95" customHeight="1" x14ac:dyDescent="0.15">
      <c r="A76" s="148"/>
      <c r="B76" s="92"/>
      <c r="C76" s="92"/>
      <c r="D76" s="145"/>
      <c r="E76" s="504" t="s">
        <v>294</v>
      </c>
      <c r="F76" s="505"/>
      <c r="G76" s="505"/>
      <c r="H76" s="506"/>
      <c r="I76" s="437" t="s">
        <v>295</v>
      </c>
      <c r="J76" s="499"/>
      <c r="K76" s="499"/>
      <c r="L76" s="500"/>
      <c r="M76" s="151" t="s">
        <v>7</v>
      </c>
      <c r="N76" s="103" t="s">
        <v>296</v>
      </c>
      <c r="O76" s="103"/>
      <c r="P76" s="103"/>
      <c r="Q76" s="103" t="s">
        <v>297</v>
      </c>
      <c r="R76" s="92"/>
      <c r="S76" s="103"/>
      <c r="T76" s="431"/>
      <c r="U76" s="431"/>
      <c r="V76" s="431"/>
      <c r="W76" s="431"/>
      <c r="X76" s="431"/>
      <c r="Y76" s="431"/>
      <c r="Z76" s="431"/>
      <c r="AA76" s="431"/>
      <c r="AB76" s="92" t="s">
        <v>26</v>
      </c>
      <c r="AG76" s="152"/>
      <c r="AH76" s="146" t="s">
        <v>7</v>
      </c>
      <c r="AI76" s="92" t="s">
        <v>363</v>
      </c>
      <c r="AJ76" s="92"/>
      <c r="AK76" s="92"/>
      <c r="AL76" s="151"/>
      <c r="AM76" s="156"/>
      <c r="AN76" s="146"/>
      <c r="AO76" s="92"/>
      <c r="AP76" s="151"/>
      <c r="AQ76" s="92"/>
      <c r="AS76" s="92"/>
      <c r="AT76" s="92"/>
      <c r="AU76" s="145"/>
    </row>
    <row r="77" spans="1:47" ht="15.95" customHeight="1" x14ac:dyDescent="0.15">
      <c r="A77" s="148"/>
      <c r="B77" s="92"/>
      <c r="C77" s="92"/>
      <c r="D77" s="145"/>
      <c r="E77" s="507"/>
      <c r="F77" s="508"/>
      <c r="G77" s="508"/>
      <c r="H77" s="509"/>
      <c r="I77" s="461" t="s">
        <v>298</v>
      </c>
      <c r="J77" s="462"/>
      <c r="K77" s="462"/>
      <c r="L77" s="463"/>
      <c r="M77" s="167" t="s">
        <v>54</v>
      </c>
      <c r="N77" s="97" t="s">
        <v>0</v>
      </c>
      <c r="O77" s="97"/>
      <c r="P77" s="97" t="s">
        <v>25</v>
      </c>
      <c r="Q77" s="456"/>
      <c r="R77" s="456"/>
      <c r="S77" s="456"/>
      <c r="T77" s="456"/>
      <c r="U77" s="456"/>
      <c r="V77" s="456"/>
      <c r="W77" s="456"/>
      <c r="X77" s="456"/>
      <c r="Y77" s="456"/>
      <c r="Z77" s="456"/>
      <c r="AA77" s="456"/>
      <c r="AB77" s="105" t="s">
        <v>26</v>
      </c>
      <c r="AC77" s="116"/>
      <c r="AD77" s="116"/>
      <c r="AE77" s="116"/>
      <c r="AF77" s="116"/>
      <c r="AG77" s="259"/>
      <c r="AH77" s="146" t="s">
        <v>7</v>
      </c>
      <c r="AI77" s="92"/>
      <c r="AJ77" s="92"/>
      <c r="AK77" s="92"/>
      <c r="AL77" s="151"/>
      <c r="AM77" s="92"/>
      <c r="AN77" s="148"/>
      <c r="AP77" s="124"/>
      <c r="AQ77" s="92"/>
      <c r="AS77" s="92"/>
      <c r="AT77" s="92"/>
      <c r="AU77" s="145"/>
    </row>
    <row r="78" spans="1:47" ht="15.95" customHeight="1" x14ac:dyDescent="0.15">
      <c r="A78" s="148"/>
      <c r="B78" s="92"/>
      <c r="C78" s="92"/>
      <c r="D78" s="145"/>
      <c r="E78" s="507"/>
      <c r="F78" s="508"/>
      <c r="G78" s="508"/>
      <c r="H78" s="509"/>
      <c r="I78" s="449" t="s">
        <v>299</v>
      </c>
      <c r="J78" s="477"/>
      <c r="K78" s="477"/>
      <c r="L78" s="478"/>
      <c r="M78" s="151" t="s">
        <v>7</v>
      </c>
      <c r="N78" s="103" t="s">
        <v>300</v>
      </c>
      <c r="O78" s="103"/>
      <c r="P78" s="103"/>
      <c r="Q78" s="103"/>
      <c r="R78" s="92"/>
      <c r="S78" s="103"/>
      <c r="T78" s="92"/>
      <c r="U78" s="102"/>
      <c r="V78" s="103"/>
      <c r="W78" s="103"/>
      <c r="X78" s="102"/>
      <c r="Y78" s="102"/>
      <c r="Z78" s="102"/>
      <c r="AA78" s="102"/>
      <c r="AB78" s="92"/>
      <c r="AG78" s="152"/>
      <c r="AH78" s="155"/>
      <c r="AI78" s="92"/>
      <c r="AJ78" s="92"/>
      <c r="AK78" s="92"/>
      <c r="AL78" s="92"/>
      <c r="AM78" s="92"/>
      <c r="AN78" s="148"/>
      <c r="AO78" s="92"/>
      <c r="AS78" s="92"/>
      <c r="AT78" s="92"/>
      <c r="AU78" s="145"/>
    </row>
    <row r="79" spans="1:47" ht="15.95" customHeight="1" x14ac:dyDescent="0.15">
      <c r="A79" s="148"/>
      <c r="B79" s="92"/>
      <c r="C79" s="92"/>
      <c r="D79" s="145"/>
      <c r="E79" s="92"/>
      <c r="F79" s="92"/>
      <c r="G79" s="92"/>
      <c r="H79" s="145"/>
      <c r="I79" s="148"/>
      <c r="J79" s="92"/>
      <c r="K79" s="92"/>
      <c r="L79" s="145"/>
      <c r="M79" s="155"/>
      <c r="N79" s="510" t="s">
        <v>158</v>
      </c>
      <c r="O79" s="510"/>
      <c r="P79" s="103" t="s">
        <v>25</v>
      </c>
      <c r="Q79" s="431"/>
      <c r="R79" s="431"/>
      <c r="S79" s="431"/>
      <c r="T79" s="431"/>
      <c r="U79" s="431"/>
      <c r="V79" s="431"/>
      <c r="W79" s="431"/>
      <c r="X79" s="431"/>
      <c r="Y79" s="431"/>
      <c r="Z79" s="431"/>
      <c r="AA79" s="431"/>
      <c r="AB79" s="92" t="s">
        <v>26</v>
      </c>
      <c r="AG79" s="152"/>
      <c r="AH79" s="155"/>
      <c r="AI79" s="92"/>
      <c r="AJ79" s="92"/>
      <c r="AK79" s="92"/>
      <c r="AL79" s="151"/>
      <c r="AM79" s="103"/>
      <c r="AN79" s="148"/>
      <c r="AS79" s="92"/>
      <c r="AT79" s="92"/>
      <c r="AU79" s="145"/>
    </row>
    <row r="80" spans="1:47" ht="15.95" customHeight="1" x14ac:dyDescent="0.15">
      <c r="A80" s="148"/>
      <c r="B80" s="92"/>
      <c r="C80" s="92"/>
      <c r="D80" s="145"/>
      <c r="E80" s="105"/>
      <c r="F80" s="105"/>
      <c r="G80" s="105"/>
      <c r="H80" s="170"/>
      <c r="I80" s="169"/>
      <c r="J80" s="105"/>
      <c r="K80" s="105"/>
      <c r="L80" s="170"/>
      <c r="M80" s="212"/>
      <c r="N80" s="126" t="s">
        <v>54</v>
      </c>
      <c r="O80" s="97" t="s">
        <v>0</v>
      </c>
      <c r="P80" s="97"/>
      <c r="Q80" s="97" t="s">
        <v>25</v>
      </c>
      <c r="R80" s="456"/>
      <c r="S80" s="456"/>
      <c r="T80" s="456"/>
      <c r="U80" s="456"/>
      <c r="V80" s="456"/>
      <c r="W80" s="456"/>
      <c r="X80" s="456"/>
      <c r="Y80" s="456"/>
      <c r="Z80" s="456"/>
      <c r="AA80" s="456"/>
      <c r="AB80" s="105" t="s">
        <v>26</v>
      </c>
      <c r="AC80" s="116"/>
      <c r="AD80" s="116"/>
      <c r="AE80" s="116"/>
      <c r="AF80" s="116"/>
      <c r="AG80" s="259"/>
      <c r="AH80" s="212"/>
      <c r="AI80" s="105"/>
      <c r="AJ80" s="105"/>
      <c r="AK80" s="105"/>
      <c r="AL80" s="126"/>
      <c r="AM80" s="97"/>
      <c r="AN80" s="169"/>
      <c r="AO80" s="116"/>
      <c r="AP80" s="116"/>
      <c r="AQ80" s="116"/>
      <c r="AR80" s="116"/>
      <c r="AS80" s="105"/>
      <c r="AT80" s="105"/>
      <c r="AU80" s="170"/>
    </row>
    <row r="81" spans="1:47" ht="15.95" customHeight="1" x14ac:dyDescent="0.15">
      <c r="A81" s="148"/>
      <c r="B81" s="92"/>
      <c r="C81" s="92"/>
      <c r="D81" s="145"/>
      <c r="E81" s="437" t="s">
        <v>548</v>
      </c>
      <c r="F81" s="438"/>
      <c r="G81" s="438"/>
      <c r="H81" s="438"/>
      <c r="I81" s="437" t="s">
        <v>549</v>
      </c>
      <c r="J81" s="499"/>
      <c r="K81" s="499"/>
      <c r="L81" s="500"/>
      <c r="M81" s="140" t="s">
        <v>7</v>
      </c>
      <c r="N81" s="208" t="s">
        <v>550</v>
      </c>
      <c r="O81" s="208"/>
      <c r="P81" s="208"/>
      <c r="Q81" s="208"/>
      <c r="R81" s="98"/>
      <c r="S81" s="295"/>
      <c r="T81" s="295"/>
      <c r="U81" s="295"/>
      <c r="V81" s="295"/>
      <c r="W81" s="295"/>
      <c r="X81" s="295"/>
      <c r="Y81" s="295"/>
      <c r="Z81" s="295"/>
      <c r="AA81" s="295"/>
      <c r="AB81" s="98"/>
      <c r="AC81" s="114"/>
      <c r="AD81" s="114"/>
      <c r="AE81" s="114"/>
      <c r="AF81" s="114"/>
      <c r="AG81" s="217"/>
      <c r="AH81" s="138" t="s">
        <v>7</v>
      </c>
      <c r="AI81" s="98" t="s">
        <v>169</v>
      </c>
      <c r="AJ81" s="98"/>
      <c r="AK81" s="98"/>
      <c r="AL81" s="140"/>
      <c r="AM81" s="240"/>
      <c r="AN81" s="138"/>
      <c r="AO81" s="98"/>
      <c r="AP81" s="140"/>
      <c r="AQ81" s="98"/>
      <c r="AR81" s="114"/>
      <c r="AS81" s="98"/>
      <c r="AT81" s="98"/>
      <c r="AU81" s="142"/>
    </row>
    <row r="82" spans="1:47" ht="15.95" customHeight="1" x14ac:dyDescent="0.15">
      <c r="A82" s="148"/>
      <c r="B82" s="92"/>
      <c r="C82" s="92"/>
      <c r="D82" s="145"/>
      <c r="E82" s="149"/>
      <c r="I82" s="449" t="s">
        <v>551</v>
      </c>
      <c r="J82" s="450"/>
      <c r="K82" s="450"/>
      <c r="L82" s="451"/>
      <c r="M82" s="155"/>
      <c r="N82" s="92"/>
      <c r="O82" s="92"/>
      <c r="P82" s="92"/>
      <c r="Q82" s="92"/>
      <c r="R82" s="175"/>
      <c r="S82" s="151"/>
      <c r="T82" s="103"/>
      <c r="U82" s="103"/>
      <c r="V82" s="151"/>
      <c r="W82" s="103"/>
      <c r="X82" s="92"/>
      <c r="Y82" s="103"/>
      <c r="AC82" s="103"/>
      <c r="AG82" s="152"/>
      <c r="AH82" s="146" t="s">
        <v>7</v>
      </c>
      <c r="AI82" s="92" t="s">
        <v>545</v>
      </c>
      <c r="AJ82" s="92"/>
      <c r="AK82" s="92"/>
      <c r="AL82" s="151"/>
      <c r="AM82" s="92"/>
      <c r="AN82" s="148"/>
      <c r="AP82" s="124"/>
      <c r="AQ82" s="92"/>
      <c r="AS82" s="92"/>
      <c r="AT82" s="92"/>
      <c r="AU82" s="145"/>
    </row>
    <row r="83" spans="1:47" ht="15.95" customHeight="1" x14ac:dyDescent="0.15">
      <c r="A83" s="148"/>
      <c r="B83" s="92"/>
      <c r="C83" s="92"/>
      <c r="D83" s="145"/>
      <c r="E83" s="149"/>
      <c r="I83" s="461"/>
      <c r="J83" s="462"/>
      <c r="K83" s="462"/>
      <c r="L83" s="463"/>
      <c r="M83" s="212"/>
      <c r="N83" s="97"/>
      <c r="O83" s="97"/>
      <c r="P83" s="97"/>
      <c r="Q83" s="97"/>
      <c r="R83" s="105"/>
      <c r="S83" s="97"/>
      <c r="T83" s="105"/>
      <c r="U83" s="96"/>
      <c r="V83" s="97"/>
      <c r="W83" s="97"/>
      <c r="X83" s="96"/>
      <c r="Y83" s="96"/>
      <c r="Z83" s="96"/>
      <c r="AA83" s="96"/>
      <c r="AB83" s="105"/>
      <c r="AC83" s="116"/>
      <c r="AD83" s="116"/>
      <c r="AE83" s="116"/>
      <c r="AF83" s="116"/>
      <c r="AG83" s="259"/>
      <c r="AH83" s="146" t="s">
        <v>7</v>
      </c>
      <c r="AI83" s="92"/>
      <c r="AJ83" s="92"/>
      <c r="AK83" s="92"/>
      <c r="AL83" s="92"/>
      <c r="AM83" s="92"/>
      <c r="AN83" s="148"/>
      <c r="AO83" s="92"/>
      <c r="AS83" s="92"/>
      <c r="AT83" s="92"/>
      <c r="AU83" s="145"/>
    </row>
    <row r="84" spans="1:47" ht="15.95" customHeight="1" x14ac:dyDescent="0.15">
      <c r="A84" s="148"/>
      <c r="B84" s="92"/>
      <c r="C84" s="92"/>
      <c r="D84" s="145"/>
      <c r="E84" s="437" t="s">
        <v>552</v>
      </c>
      <c r="F84" s="438"/>
      <c r="G84" s="438"/>
      <c r="H84" s="439"/>
      <c r="I84" s="464" t="s">
        <v>553</v>
      </c>
      <c r="J84" s="465"/>
      <c r="K84" s="465"/>
      <c r="L84" s="466"/>
      <c r="M84" s="278" t="s">
        <v>7</v>
      </c>
      <c r="N84" s="285" t="s">
        <v>554</v>
      </c>
      <c r="O84" s="285"/>
      <c r="P84" s="285"/>
      <c r="Q84" s="285"/>
      <c r="R84" s="94"/>
      <c r="S84" s="285"/>
      <c r="T84" s="94"/>
      <c r="U84" s="133"/>
      <c r="V84" s="285"/>
      <c r="W84" s="285"/>
      <c r="X84" s="285"/>
      <c r="Y84" s="285"/>
      <c r="Z84" s="133"/>
      <c r="AA84" s="133"/>
      <c r="AB84" s="133"/>
      <c r="AC84" s="133"/>
      <c r="AD84" s="133"/>
      <c r="AE84" s="133"/>
      <c r="AF84" s="133"/>
      <c r="AG84" s="296"/>
      <c r="AH84" s="155"/>
      <c r="AI84" s="92"/>
      <c r="AJ84" s="92"/>
      <c r="AK84" s="92"/>
      <c r="AL84" s="151"/>
      <c r="AM84" s="103"/>
      <c r="AN84" s="148"/>
      <c r="AS84" s="92"/>
      <c r="AT84" s="92"/>
      <c r="AU84" s="145"/>
    </row>
    <row r="85" spans="1:47" ht="15.95" customHeight="1" x14ac:dyDescent="0.15">
      <c r="A85" s="148"/>
      <c r="B85" s="92"/>
      <c r="C85" s="92"/>
      <c r="D85" s="145"/>
      <c r="E85" s="449" t="s">
        <v>553</v>
      </c>
      <c r="F85" s="450"/>
      <c r="G85" s="450"/>
      <c r="H85" s="451"/>
      <c r="I85" s="437" t="s">
        <v>555</v>
      </c>
      <c r="J85" s="438"/>
      <c r="K85" s="438"/>
      <c r="L85" s="439"/>
      <c r="M85" s="297" t="s">
        <v>7</v>
      </c>
      <c r="N85" s="129" t="s">
        <v>556</v>
      </c>
      <c r="O85" s="129"/>
      <c r="P85" s="129"/>
      <c r="Q85" s="129"/>
      <c r="R85" s="129"/>
      <c r="S85" s="129"/>
      <c r="T85" s="298"/>
      <c r="U85" s="159"/>
      <c r="V85" s="129"/>
      <c r="W85" s="129"/>
      <c r="X85" s="129"/>
      <c r="Y85" s="130"/>
      <c r="Z85" s="159"/>
      <c r="AA85" s="129"/>
      <c r="AB85" s="129"/>
      <c r="AC85" s="129"/>
      <c r="AD85" s="129"/>
      <c r="AE85" s="129"/>
      <c r="AF85" s="129"/>
      <c r="AG85" s="274"/>
      <c r="AH85" s="155"/>
      <c r="AI85" s="92"/>
      <c r="AJ85" s="92"/>
      <c r="AK85" s="92"/>
      <c r="AL85" s="151"/>
      <c r="AM85" s="103"/>
      <c r="AN85" s="148"/>
      <c r="AS85" s="92"/>
      <c r="AT85" s="92"/>
      <c r="AU85" s="145"/>
    </row>
    <row r="86" spans="1:47" ht="15.95" customHeight="1" x14ac:dyDescent="0.15">
      <c r="A86" s="148"/>
      <c r="B86" s="92"/>
      <c r="C86" s="92"/>
      <c r="D86" s="145"/>
      <c r="E86" s="437" t="s">
        <v>557</v>
      </c>
      <c r="F86" s="438"/>
      <c r="G86" s="438"/>
      <c r="H86" s="439"/>
      <c r="I86" s="438" t="s">
        <v>553</v>
      </c>
      <c r="J86" s="438"/>
      <c r="K86" s="438"/>
      <c r="L86" s="439"/>
      <c r="M86" s="140" t="s">
        <v>7</v>
      </c>
      <c r="N86" s="98" t="s">
        <v>558</v>
      </c>
      <c r="O86" s="98"/>
      <c r="P86" s="207"/>
      <c r="Q86" s="140"/>
      <c r="R86" s="98"/>
      <c r="S86" s="98"/>
      <c r="T86" s="98"/>
      <c r="U86" s="140"/>
      <c r="V86" s="98"/>
      <c r="W86" s="98"/>
      <c r="X86" s="98"/>
      <c r="Y86" s="98"/>
      <c r="Z86" s="140"/>
      <c r="AA86" s="98"/>
      <c r="AB86" s="98"/>
      <c r="AC86" s="98"/>
      <c r="AD86" s="98"/>
      <c r="AE86" s="98"/>
      <c r="AF86" s="98"/>
      <c r="AG86" s="142"/>
      <c r="AH86" s="124"/>
      <c r="AI86" s="124"/>
      <c r="AJ86" s="124"/>
      <c r="AK86" s="124"/>
      <c r="AL86" s="124"/>
      <c r="AM86" s="124"/>
      <c r="AN86" s="121"/>
      <c r="AO86" s="124"/>
      <c r="AP86" s="124"/>
      <c r="AQ86" s="124"/>
      <c r="AR86" s="124"/>
      <c r="AS86" s="124"/>
      <c r="AT86" s="124"/>
      <c r="AU86" s="157"/>
    </row>
    <row r="87" spans="1:47" ht="15.95" customHeight="1" x14ac:dyDescent="0.15">
      <c r="A87" s="149"/>
      <c r="E87" s="449" t="s">
        <v>559</v>
      </c>
      <c r="F87" s="450"/>
      <c r="G87" s="450"/>
      <c r="H87" s="451"/>
      <c r="I87" s="92"/>
      <c r="J87" s="92"/>
      <c r="K87" s="92"/>
      <c r="L87" s="145"/>
      <c r="M87" s="146"/>
      <c r="N87" s="92" t="s">
        <v>560</v>
      </c>
      <c r="O87" s="92"/>
      <c r="P87" s="175"/>
      <c r="Q87" s="151"/>
      <c r="R87" s="92"/>
      <c r="S87" s="92"/>
      <c r="T87" s="92"/>
      <c r="U87" s="92"/>
      <c r="V87" s="92"/>
      <c r="W87" s="92"/>
      <c r="X87" s="92"/>
      <c r="Y87" s="92"/>
      <c r="Z87" s="92"/>
      <c r="AA87" s="92"/>
      <c r="AB87" s="92"/>
      <c r="AC87" s="92"/>
      <c r="AD87" s="92"/>
      <c r="AE87" s="92"/>
      <c r="AF87" s="92"/>
      <c r="AG87" s="145"/>
      <c r="AH87" s="121"/>
      <c r="AI87" s="124"/>
      <c r="AJ87" s="124"/>
      <c r="AK87" s="124"/>
      <c r="AL87" s="124"/>
      <c r="AM87" s="124"/>
      <c r="AN87" s="121"/>
      <c r="AO87" s="124"/>
      <c r="AP87" s="124"/>
      <c r="AQ87" s="124"/>
      <c r="AR87" s="124"/>
      <c r="AS87" s="124"/>
      <c r="AT87" s="124"/>
      <c r="AU87" s="157"/>
    </row>
    <row r="88" spans="1:47" ht="15.95" customHeight="1" x14ac:dyDescent="0.15">
      <c r="A88" s="149"/>
      <c r="E88" s="148"/>
      <c r="F88" s="92"/>
      <c r="G88" s="92"/>
      <c r="H88" s="145"/>
      <c r="I88" s="92"/>
      <c r="J88" s="92"/>
      <c r="K88" s="92"/>
      <c r="L88" s="145"/>
      <c r="M88" s="299" t="s">
        <v>7</v>
      </c>
      <c r="N88" s="129" t="s">
        <v>561</v>
      </c>
      <c r="O88" s="129"/>
      <c r="P88" s="298"/>
      <c r="Q88" s="159"/>
      <c r="R88" s="129"/>
      <c r="S88" s="129"/>
      <c r="T88" s="129"/>
      <c r="U88" s="159"/>
      <c r="V88" s="129"/>
      <c r="W88" s="129"/>
      <c r="X88" s="129"/>
      <c r="Y88" s="129"/>
      <c r="Z88" s="159"/>
      <c r="AA88" s="129"/>
      <c r="AB88" s="129"/>
      <c r="AC88" s="129"/>
      <c r="AD88" s="129"/>
      <c r="AE88" s="129"/>
      <c r="AF88" s="129"/>
      <c r="AG88" s="274"/>
      <c r="AH88" s="148"/>
      <c r="AI88" s="92"/>
      <c r="AJ88" s="92"/>
      <c r="AK88" s="92"/>
      <c r="AL88" s="151"/>
      <c r="AM88" s="103"/>
      <c r="AN88" s="148"/>
      <c r="AS88" s="92"/>
      <c r="AT88" s="92"/>
      <c r="AU88" s="145"/>
    </row>
    <row r="89" spans="1:47" ht="15.95" customHeight="1" x14ac:dyDescent="0.15">
      <c r="A89" s="300"/>
      <c r="B89" s="301"/>
      <c r="C89" s="301"/>
      <c r="D89" s="302"/>
      <c r="E89" s="169"/>
      <c r="F89" s="105"/>
      <c r="G89" s="105"/>
      <c r="H89" s="170"/>
      <c r="I89" s="105"/>
      <c r="J89" s="105"/>
      <c r="K89" s="105"/>
      <c r="L89" s="170"/>
      <c r="M89" s="167" t="s">
        <v>7</v>
      </c>
      <c r="N89" s="105" t="s">
        <v>562</v>
      </c>
      <c r="O89" s="105"/>
      <c r="P89" s="253"/>
      <c r="Q89" s="126"/>
      <c r="R89" s="105"/>
      <c r="S89" s="105"/>
      <c r="T89" s="105"/>
      <c r="U89" s="126"/>
      <c r="V89" s="105"/>
      <c r="W89" s="105"/>
      <c r="X89" s="105"/>
      <c r="Y89" s="105"/>
      <c r="Z89" s="126"/>
      <c r="AA89" s="105"/>
      <c r="AB89" s="105"/>
      <c r="AC89" s="105"/>
      <c r="AD89" s="105"/>
      <c r="AE89" s="105"/>
      <c r="AF89" s="105"/>
      <c r="AG89" s="170"/>
      <c r="AH89" s="169"/>
      <c r="AI89" s="105"/>
      <c r="AJ89" s="105"/>
      <c r="AK89" s="105"/>
      <c r="AL89" s="126"/>
      <c r="AM89" s="97"/>
      <c r="AN89" s="169"/>
      <c r="AO89" s="116"/>
      <c r="AP89" s="116"/>
      <c r="AQ89" s="116"/>
      <c r="AR89" s="116"/>
      <c r="AS89" s="105"/>
      <c r="AT89" s="105"/>
      <c r="AU89" s="170"/>
    </row>
    <row r="90" spans="1:47" ht="15.95" customHeight="1" x14ac:dyDescent="0.15">
      <c r="A90" s="449" t="s">
        <v>271</v>
      </c>
      <c r="B90" s="450"/>
      <c r="C90" s="450"/>
      <c r="D90" s="451"/>
      <c r="E90" s="449" t="s">
        <v>536</v>
      </c>
      <c r="F90" s="477"/>
      <c r="G90" s="477"/>
      <c r="H90" s="477"/>
      <c r="I90" s="449" t="s">
        <v>130</v>
      </c>
      <c r="J90" s="450"/>
      <c r="K90" s="450"/>
      <c r="L90" s="451"/>
      <c r="M90" s="146" t="s">
        <v>66</v>
      </c>
      <c r="N90" s="92" t="s">
        <v>563</v>
      </c>
      <c r="O90" s="92"/>
      <c r="P90" s="175"/>
      <c r="Q90" s="175"/>
      <c r="R90" s="175" t="s">
        <v>25</v>
      </c>
      <c r="S90" s="151" t="s">
        <v>7</v>
      </c>
      <c r="T90" s="92" t="s">
        <v>1</v>
      </c>
      <c r="U90" s="151" t="s">
        <v>54</v>
      </c>
      <c r="V90" s="92" t="s">
        <v>274</v>
      </c>
      <c r="W90" s="103"/>
      <c r="X90" s="92"/>
      <c r="Y90" s="92"/>
      <c r="Z90" s="102"/>
      <c r="AA90" s="92"/>
      <c r="AB90" s="92"/>
      <c r="AC90" s="92"/>
      <c r="AD90" s="92"/>
      <c r="AE90" s="175"/>
      <c r="AF90" s="175"/>
      <c r="AG90" s="103" t="s">
        <v>26</v>
      </c>
      <c r="AH90" s="146" t="s">
        <v>7</v>
      </c>
      <c r="AI90" s="92" t="s">
        <v>363</v>
      </c>
      <c r="AJ90" s="92"/>
      <c r="AK90" s="92"/>
      <c r="AL90" s="151"/>
      <c r="AM90" s="156"/>
      <c r="AN90" s="146"/>
      <c r="AO90" s="92"/>
      <c r="AP90" s="151"/>
      <c r="AQ90" s="92"/>
      <c r="AS90" s="124"/>
      <c r="AT90" s="124"/>
      <c r="AU90" s="104"/>
    </row>
    <row r="91" spans="1:47" ht="15.95" customHeight="1" x14ac:dyDescent="0.15">
      <c r="A91" s="449" t="s">
        <v>275</v>
      </c>
      <c r="B91" s="450"/>
      <c r="C91" s="450"/>
      <c r="D91" s="450"/>
      <c r="E91" s="148"/>
      <c r="F91" s="92"/>
      <c r="G91" s="92"/>
      <c r="H91" s="92"/>
      <c r="I91" s="449" t="s">
        <v>527</v>
      </c>
      <c r="J91" s="450"/>
      <c r="K91" s="450"/>
      <c r="L91" s="451"/>
      <c r="M91" s="121"/>
      <c r="N91" s="92"/>
      <c r="O91" s="92"/>
      <c r="P91" s="175"/>
      <c r="Q91" s="124"/>
      <c r="R91" s="124"/>
      <c r="S91" s="124"/>
      <c r="T91" s="124"/>
      <c r="U91" s="124"/>
      <c r="V91" s="124"/>
      <c r="W91" s="124"/>
      <c r="X91" s="124"/>
      <c r="Y91" s="124"/>
      <c r="Z91" s="124"/>
      <c r="AA91" s="124"/>
      <c r="AB91" s="124"/>
      <c r="AC91" s="124"/>
      <c r="AD91" s="124"/>
      <c r="AE91" s="124"/>
      <c r="AF91" s="124"/>
      <c r="AG91" s="124"/>
      <c r="AH91" s="146" t="s">
        <v>7</v>
      </c>
      <c r="AI91" s="92"/>
      <c r="AJ91" s="92"/>
      <c r="AK91" s="92"/>
      <c r="AL91" s="151"/>
      <c r="AM91" s="92"/>
      <c r="AN91" s="148"/>
      <c r="AP91" s="124"/>
      <c r="AQ91" s="92"/>
      <c r="AS91" s="124"/>
      <c r="AT91" s="124"/>
      <c r="AU91" s="157"/>
    </row>
    <row r="92" spans="1:47" ht="15.95" customHeight="1" x14ac:dyDescent="0.15">
      <c r="A92" s="486" t="s">
        <v>528</v>
      </c>
      <c r="B92" s="487"/>
      <c r="C92" s="487"/>
      <c r="D92" s="487"/>
      <c r="E92" s="148"/>
      <c r="F92" s="92"/>
      <c r="G92" s="92"/>
      <c r="H92" s="145"/>
      <c r="I92" s="461" t="s">
        <v>529</v>
      </c>
      <c r="J92" s="462"/>
      <c r="K92" s="462"/>
      <c r="L92" s="463"/>
      <c r="M92" s="115"/>
      <c r="N92" s="105"/>
      <c r="O92" s="105"/>
      <c r="P92" s="253"/>
      <c r="Q92" s="118"/>
      <c r="R92" s="118"/>
      <c r="S92" s="118"/>
      <c r="T92" s="118"/>
      <c r="U92" s="118"/>
      <c r="V92" s="118"/>
      <c r="W92" s="118"/>
      <c r="X92" s="118"/>
      <c r="Y92" s="118"/>
      <c r="Z92" s="118"/>
      <c r="AA92" s="118"/>
      <c r="AB92" s="118"/>
      <c r="AC92" s="118"/>
      <c r="AD92" s="118"/>
      <c r="AE92" s="118"/>
      <c r="AF92" s="118"/>
      <c r="AG92" s="118"/>
      <c r="AH92" s="115"/>
      <c r="AI92" s="105"/>
      <c r="AJ92" s="105"/>
      <c r="AK92" s="105"/>
      <c r="AL92" s="116"/>
      <c r="AM92" s="116"/>
      <c r="AN92" s="212"/>
      <c r="AO92" s="96"/>
      <c r="AP92" s="118"/>
      <c r="AQ92" s="118"/>
      <c r="AR92" s="118"/>
      <c r="AS92" s="118"/>
      <c r="AT92" s="118"/>
      <c r="AU92" s="216"/>
    </row>
    <row r="93" spans="1:47" ht="15.95" customHeight="1" x14ac:dyDescent="0.15">
      <c r="A93" s="494" t="s">
        <v>530</v>
      </c>
      <c r="B93" s="431"/>
      <c r="C93" s="431"/>
      <c r="D93" s="431"/>
      <c r="E93" s="148"/>
      <c r="F93" s="92"/>
      <c r="G93" s="92"/>
      <c r="H93" s="92"/>
      <c r="I93" s="437" t="s">
        <v>531</v>
      </c>
      <c r="J93" s="499"/>
      <c r="K93" s="499"/>
      <c r="L93" s="500"/>
      <c r="M93" s="138" t="s">
        <v>66</v>
      </c>
      <c r="N93" s="98" t="s">
        <v>563</v>
      </c>
      <c r="O93" s="92"/>
      <c r="P93" s="175"/>
      <c r="Q93" s="175"/>
      <c r="R93" s="175" t="s">
        <v>25</v>
      </c>
      <c r="S93" s="151" t="s">
        <v>7</v>
      </c>
      <c r="T93" s="92" t="s">
        <v>1</v>
      </c>
      <c r="U93" s="151" t="s">
        <v>54</v>
      </c>
      <c r="V93" s="92" t="s">
        <v>274</v>
      </c>
      <c r="W93" s="103"/>
      <c r="X93" s="92"/>
      <c r="Y93" s="92"/>
      <c r="Z93" s="102"/>
      <c r="AA93" s="92"/>
      <c r="AB93" s="92"/>
      <c r="AC93" s="92"/>
      <c r="AD93" s="92"/>
      <c r="AE93" s="175"/>
      <c r="AF93" s="175"/>
      <c r="AG93" s="103" t="s">
        <v>26</v>
      </c>
      <c r="AH93" s="146" t="s">
        <v>7</v>
      </c>
      <c r="AI93" s="92" t="s">
        <v>363</v>
      </c>
      <c r="AJ93" s="92"/>
      <c r="AK93" s="92"/>
      <c r="AL93" s="151"/>
      <c r="AM93" s="103"/>
      <c r="AN93" s="146"/>
      <c r="AO93" s="92"/>
      <c r="AP93" s="151"/>
      <c r="AQ93" s="92"/>
      <c r="AS93" s="124"/>
      <c r="AT93" s="124"/>
      <c r="AU93" s="157"/>
    </row>
    <row r="94" spans="1:47" ht="15.95" customHeight="1" x14ac:dyDescent="0.15">
      <c r="A94" s="272"/>
      <c r="B94" s="232"/>
      <c r="C94" s="232"/>
      <c r="D94" s="232"/>
      <c r="E94" s="149"/>
      <c r="I94" s="449" t="s">
        <v>533</v>
      </c>
      <c r="J94" s="477"/>
      <c r="K94" s="477"/>
      <c r="L94" s="478"/>
      <c r="M94" s="151" t="s">
        <v>54</v>
      </c>
      <c r="N94" s="103" t="s">
        <v>564</v>
      </c>
      <c r="O94" s="103"/>
      <c r="P94" s="103"/>
      <c r="Q94" s="103"/>
      <c r="R94" s="92"/>
      <c r="S94" s="103"/>
      <c r="T94" s="103"/>
      <c r="U94" s="103"/>
      <c r="V94" s="92"/>
      <c r="W94" s="102"/>
      <c r="X94" s="102"/>
      <c r="Y94" s="102"/>
      <c r="Z94" s="102"/>
      <c r="AA94" s="102"/>
      <c r="AB94" s="102"/>
      <c r="AC94" s="102"/>
      <c r="AD94" s="102"/>
      <c r="AE94" s="102"/>
      <c r="AF94" s="102"/>
      <c r="AG94" s="124"/>
      <c r="AH94" s="146" t="s">
        <v>7</v>
      </c>
      <c r="AI94" s="92"/>
      <c r="AJ94" s="92"/>
      <c r="AK94" s="92"/>
      <c r="AL94" s="124"/>
      <c r="AM94" s="124"/>
      <c r="AN94" s="121"/>
      <c r="AO94" s="124"/>
      <c r="AP94" s="124"/>
      <c r="AQ94" s="124"/>
      <c r="AR94" s="124"/>
      <c r="AS94" s="124"/>
      <c r="AT94" s="124"/>
      <c r="AU94" s="157"/>
    </row>
    <row r="95" spans="1:47" ht="15.95" customHeight="1" x14ac:dyDescent="0.15">
      <c r="A95" s="537" t="s">
        <v>565</v>
      </c>
      <c r="B95" s="538"/>
      <c r="C95" s="538"/>
      <c r="D95" s="538"/>
      <c r="E95" s="149"/>
      <c r="I95" s="461" t="s">
        <v>534</v>
      </c>
      <c r="J95" s="462"/>
      <c r="K95" s="462"/>
      <c r="L95" s="463"/>
      <c r="M95" s="126"/>
      <c r="N95" s="97" t="s">
        <v>566</v>
      </c>
      <c r="O95" s="97"/>
      <c r="P95" s="97"/>
      <c r="Q95" s="118"/>
      <c r="R95" s="118"/>
      <c r="S95" s="118"/>
      <c r="T95" s="118"/>
      <c r="U95" s="118"/>
      <c r="V95" s="118"/>
      <c r="W95" s="118"/>
      <c r="X95" s="118"/>
      <c r="Y95" s="118"/>
      <c r="Z95" s="118"/>
      <c r="AA95" s="118"/>
      <c r="AB95" s="118"/>
      <c r="AC95" s="118"/>
      <c r="AD95" s="118"/>
      <c r="AE95" s="118"/>
      <c r="AF95" s="118"/>
      <c r="AG95" s="118"/>
      <c r="AH95" s="115"/>
      <c r="AI95" s="105"/>
      <c r="AJ95" s="105"/>
      <c r="AK95" s="105"/>
      <c r="AL95" s="118"/>
      <c r="AM95" s="118"/>
      <c r="AN95" s="115"/>
      <c r="AO95" s="118"/>
      <c r="AP95" s="118"/>
      <c r="AQ95" s="118"/>
      <c r="AR95" s="118"/>
      <c r="AS95" s="118"/>
      <c r="AT95" s="118"/>
      <c r="AU95" s="216"/>
    </row>
    <row r="96" spans="1:47" ht="15.95" customHeight="1" x14ac:dyDescent="0.15">
      <c r="A96" s="537"/>
      <c r="B96" s="538"/>
      <c r="C96" s="538"/>
      <c r="D96" s="538"/>
      <c r="E96" s="149"/>
      <c r="I96" s="482" t="s">
        <v>552</v>
      </c>
      <c r="J96" s="483"/>
      <c r="K96" s="483"/>
      <c r="L96" s="484"/>
      <c r="M96" s="138" t="s">
        <v>54</v>
      </c>
      <c r="N96" s="208" t="s">
        <v>567</v>
      </c>
      <c r="O96" s="208"/>
      <c r="P96" s="208"/>
      <c r="Q96" s="208"/>
      <c r="R96" s="98"/>
      <c r="S96" s="208"/>
      <c r="T96" s="303"/>
      <c r="U96" s="98"/>
      <c r="V96" s="208"/>
      <c r="W96" s="208"/>
      <c r="X96" s="98"/>
      <c r="Y96" s="239"/>
      <c r="Z96" s="208"/>
      <c r="AA96" s="208"/>
      <c r="AB96" s="208"/>
      <c r="AC96" s="208"/>
      <c r="AD96" s="208"/>
      <c r="AE96" s="206"/>
      <c r="AF96" s="206"/>
      <c r="AG96" s="217"/>
      <c r="AH96" s="138" t="s">
        <v>7</v>
      </c>
      <c r="AI96" s="98" t="s">
        <v>363</v>
      </c>
      <c r="AJ96" s="98"/>
      <c r="AK96" s="98"/>
      <c r="AL96" s="98"/>
      <c r="AM96" s="142"/>
      <c r="AN96" s="146"/>
      <c r="AO96" s="92"/>
      <c r="AP96" s="151"/>
      <c r="AQ96" s="92"/>
      <c r="AS96" s="92"/>
      <c r="AT96" s="92"/>
      <c r="AU96" s="145"/>
    </row>
    <row r="97" spans="1:47" ht="15.95" customHeight="1" x14ac:dyDescent="0.15">
      <c r="A97" s="146" t="s">
        <v>7</v>
      </c>
      <c r="B97" s="538" t="s">
        <v>668</v>
      </c>
      <c r="C97" s="538"/>
      <c r="D97" s="539"/>
      <c r="E97" s="149"/>
      <c r="I97" s="446" t="s">
        <v>568</v>
      </c>
      <c r="J97" s="543"/>
      <c r="K97" s="543"/>
      <c r="L97" s="544"/>
      <c r="M97" s="146" t="s">
        <v>54</v>
      </c>
      <c r="N97" s="103" t="s">
        <v>569</v>
      </c>
      <c r="O97" s="103"/>
      <c r="P97" s="103"/>
      <c r="Q97" s="103"/>
      <c r="R97" s="103"/>
      <c r="S97" s="103"/>
      <c r="T97" s="103"/>
      <c r="U97" s="92"/>
      <c r="V97" s="103"/>
      <c r="W97" s="103"/>
      <c r="X97" s="103"/>
      <c r="Y97" s="103"/>
      <c r="Z97" s="102"/>
      <c r="AA97" s="103"/>
      <c r="AB97" s="103"/>
      <c r="AC97" s="103"/>
      <c r="AD97" s="103"/>
      <c r="AE97" s="102"/>
      <c r="AF97" s="102"/>
      <c r="AG97" s="152"/>
      <c r="AH97" s="146" t="s">
        <v>7</v>
      </c>
      <c r="AI97" s="92"/>
      <c r="AJ97" s="92"/>
      <c r="AK97" s="92"/>
      <c r="AL97" s="92"/>
      <c r="AM97" s="145"/>
      <c r="AN97" s="148"/>
      <c r="AO97" s="92"/>
      <c r="AP97" s="92"/>
      <c r="AQ97" s="92"/>
      <c r="AR97" s="92"/>
      <c r="AS97" s="92"/>
      <c r="AT97" s="92"/>
      <c r="AU97" s="145"/>
    </row>
    <row r="98" spans="1:47" ht="15.95" customHeight="1" x14ac:dyDescent="0.15">
      <c r="A98" s="149"/>
      <c r="B98" s="538"/>
      <c r="C98" s="538"/>
      <c r="D98" s="539"/>
      <c r="E98" s="149"/>
      <c r="I98" s="222"/>
      <c r="J98" s="223"/>
      <c r="K98" s="223"/>
      <c r="L98" s="224"/>
      <c r="M98" s="264"/>
      <c r="N98" s="128" t="s">
        <v>570</v>
      </c>
      <c r="O98" s="128"/>
      <c r="P98" s="128"/>
      <c r="Q98" s="128"/>
      <c r="R98" s="128"/>
      <c r="S98" s="128"/>
      <c r="T98" s="128"/>
      <c r="U98" s="128"/>
      <c r="V98" s="128"/>
      <c r="W98" s="128"/>
      <c r="X98" s="128"/>
      <c r="Y98" s="160"/>
      <c r="Z98" s="128"/>
      <c r="AA98" s="128"/>
      <c r="AB98" s="128"/>
      <c r="AC98" s="128"/>
      <c r="AD98" s="128"/>
      <c r="AE98" s="160"/>
      <c r="AF98" s="160"/>
      <c r="AG98" s="161"/>
      <c r="AH98" s="148"/>
      <c r="AI98" s="92"/>
      <c r="AJ98" s="92"/>
      <c r="AK98" s="92"/>
      <c r="AL98" s="92"/>
      <c r="AM98" s="145"/>
      <c r="AN98" s="148"/>
      <c r="AO98" s="92"/>
      <c r="AP98" s="92"/>
      <c r="AQ98" s="92"/>
      <c r="AR98" s="92"/>
      <c r="AS98" s="92"/>
      <c r="AT98" s="92"/>
      <c r="AU98" s="145"/>
    </row>
    <row r="99" spans="1:47" ht="15.95" customHeight="1" x14ac:dyDescent="0.15">
      <c r="A99" s="149"/>
      <c r="E99" s="149"/>
      <c r="I99" s="482" t="s">
        <v>571</v>
      </c>
      <c r="J99" s="483"/>
      <c r="K99" s="483"/>
      <c r="L99" s="484"/>
      <c r="M99" s="138" t="s">
        <v>54</v>
      </c>
      <c r="N99" s="208" t="s">
        <v>572</v>
      </c>
      <c r="O99" s="208"/>
      <c r="P99" s="208"/>
      <c r="Q99" s="307"/>
      <c r="R99" s="307"/>
      <c r="S99" s="307"/>
      <c r="T99" s="307"/>
      <c r="U99" s="240"/>
      <c r="V99" s="240"/>
      <c r="W99" s="240"/>
      <c r="X99" s="240"/>
      <c r="Y99" s="240"/>
      <c r="Z99" s="240"/>
      <c r="AA99" s="240"/>
      <c r="AB99" s="240"/>
      <c r="AC99" s="240"/>
      <c r="AD99" s="240"/>
      <c r="AE99" s="206"/>
      <c r="AF99" s="206"/>
      <c r="AG99" s="217"/>
      <c r="AH99" s="138" t="s">
        <v>7</v>
      </c>
      <c r="AI99" s="98" t="s">
        <v>363</v>
      </c>
      <c r="AJ99" s="98"/>
      <c r="AK99" s="98"/>
      <c r="AL99" s="98"/>
      <c r="AM99" s="98"/>
      <c r="AN99" s="138"/>
      <c r="AO99" s="98"/>
      <c r="AP99" s="140"/>
      <c r="AQ99" s="98"/>
      <c r="AR99" s="114"/>
      <c r="AS99" s="98"/>
      <c r="AT99" s="98"/>
      <c r="AU99" s="142"/>
    </row>
    <row r="100" spans="1:47" ht="15.95" customHeight="1" x14ac:dyDescent="0.15">
      <c r="A100" s="149"/>
      <c r="E100" s="149"/>
      <c r="I100" s="446" t="s">
        <v>573</v>
      </c>
      <c r="J100" s="543"/>
      <c r="K100" s="543"/>
      <c r="L100" s="544"/>
      <c r="M100" s="148"/>
      <c r="N100" s="103" t="s">
        <v>574</v>
      </c>
      <c r="O100" s="103"/>
      <c r="P100" s="103"/>
      <c r="Q100" s="101"/>
      <c r="R100" s="101"/>
      <c r="S100" s="101"/>
      <c r="T100" s="101"/>
      <c r="U100" s="92"/>
      <c r="V100" s="103"/>
      <c r="W100" s="102"/>
      <c r="X100" s="102"/>
      <c r="Y100" s="102"/>
      <c r="Z100" s="102"/>
      <c r="AA100" s="102"/>
      <c r="AB100" s="102"/>
      <c r="AC100" s="102"/>
      <c r="AD100" s="102"/>
      <c r="AE100" s="102"/>
      <c r="AF100" s="102"/>
      <c r="AG100" s="152"/>
      <c r="AH100" s="146" t="s">
        <v>7</v>
      </c>
      <c r="AI100" s="92"/>
      <c r="AJ100" s="92"/>
      <c r="AK100" s="92"/>
      <c r="AL100" s="92"/>
      <c r="AM100" s="92"/>
      <c r="AN100" s="148"/>
      <c r="AO100" s="92"/>
      <c r="AP100" s="92"/>
      <c r="AQ100" s="92"/>
      <c r="AR100" s="92"/>
      <c r="AS100" s="92"/>
      <c r="AT100" s="92"/>
      <c r="AU100" s="145"/>
    </row>
    <row r="101" spans="1:47" ht="15.95" customHeight="1" x14ac:dyDescent="0.15">
      <c r="A101" s="149"/>
      <c r="E101" s="149"/>
      <c r="I101" s="446"/>
      <c r="J101" s="543"/>
      <c r="K101" s="543"/>
      <c r="L101" s="544"/>
      <c r="M101" s="148"/>
      <c r="N101" s="103" t="s">
        <v>575</v>
      </c>
      <c r="O101" s="103"/>
      <c r="P101" s="103"/>
      <c r="Q101" s="101"/>
      <c r="R101" s="101"/>
      <c r="S101" s="101"/>
      <c r="T101" s="101"/>
      <c r="U101" s="103"/>
      <c r="V101" s="103"/>
      <c r="W101" s="102"/>
      <c r="X101" s="102"/>
      <c r="Y101" s="102"/>
      <c r="Z101" s="103"/>
      <c r="AA101" s="102"/>
      <c r="AB101" s="103"/>
      <c r="AC101" s="103"/>
      <c r="AD101" s="103"/>
      <c r="AE101" s="102"/>
      <c r="AF101" s="102"/>
      <c r="AG101" s="152"/>
      <c r="AH101" s="148"/>
      <c r="AI101" s="92"/>
      <c r="AJ101" s="92"/>
      <c r="AK101" s="92"/>
      <c r="AL101" s="92"/>
      <c r="AM101" s="92"/>
      <c r="AN101" s="148"/>
      <c r="AO101" s="92"/>
      <c r="AP101" s="92"/>
      <c r="AQ101" s="92"/>
      <c r="AR101" s="92"/>
      <c r="AS101" s="92"/>
      <c r="AT101" s="92"/>
      <c r="AU101" s="145"/>
    </row>
    <row r="102" spans="1:47" ht="15.95" customHeight="1" x14ac:dyDescent="0.15">
      <c r="A102" s="149"/>
      <c r="E102" s="149"/>
      <c r="I102" s="304"/>
      <c r="J102" s="305"/>
      <c r="K102" s="305"/>
      <c r="L102" s="306"/>
      <c r="M102" s="167" t="s">
        <v>54</v>
      </c>
      <c r="N102" s="97" t="s">
        <v>576</v>
      </c>
      <c r="O102" s="97"/>
      <c r="P102" s="97"/>
      <c r="Q102" s="95"/>
      <c r="R102" s="95"/>
      <c r="S102" s="95"/>
      <c r="T102" s="95"/>
      <c r="U102" s="97"/>
      <c r="V102" s="97"/>
      <c r="W102" s="96"/>
      <c r="X102" s="96"/>
      <c r="Y102" s="96"/>
      <c r="Z102" s="97"/>
      <c r="AA102" s="96"/>
      <c r="AB102" s="97"/>
      <c r="AC102" s="97"/>
      <c r="AD102" s="97"/>
      <c r="AE102" s="96"/>
      <c r="AF102" s="96"/>
      <c r="AG102" s="259"/>
      <c r="AH102" s="169"/>
      <c r="AI102" s="105"/>
      <c r="AJ102" s="105"/>
      <c r="AK102" s="105"/>
      <c r="AL102" s="105"/>
      <c r="AM102" s="105"/>
      <c r="AN102" s="169"/>
      <c r="AO102" s="105"/>
      <c r="AP102" s="105"/>
      <c r="AQ102" s="105"/>
      <c r="AR102" s="105"/>
      <c r="AS102" s="105"/>
      <c r="AT102" s="105"/>
      <c r="AU102" s="170"/>
    </row>
    <row r="103" spans="1:47" ht="15.95" customHeight="1" x14ac:dyDescent="0.15">
      <c r="A103" s="149"/>
      <c r="E103" s="149"/>
      <c r="I103" s="482" t="s">
        <v>577</v>
      </c>
      <c r="J103" s="499"/>
      <c r="K103" s="499"/>
      <c r="L103" s="500"/>
      <c r="M103" s="138" t="s">
        <v>54</v>
      </c>
      <c r="N103" s="208" t="s">
        <v>578</v>
      </c>
      <c r="O103" s="208"/>
      <c r="P103" s="208"/>
      <c r="Q103" s="307"/>
      <c r="R103" s="307"/>
      <c r="S103" s="307"/>
      <c r="T103" s="307"/>
      <c r="U103" s="208"/>
      <c r="V103" s="208"/>
      <c r="W103" s="208"/>
      <c r="X103" s="208"/>
      <c r="Y103" s="208"/>
      <c r="Z103" s="208"/>
      <c r="AA103" s="208"/>
      <c r="AB103" s="208"/>
      <c r="AC103" s="208"/>
      <c r="AD103" s="208"/>
      <c r="AE103" s="206"/>
      <c r="AF103" s="206"/>
      <c r="AG103" s="217"/>
      <c r="AH103" s="138" t="s">
        <v>7</v>
      </c>
      <c r="AI103" s="98" t="s">
        <v>363</v>
      </c>
      <c r="AJ103" s="98"/>
      <c r="AK103" s="98"/>
      <c r="AL103" s="98"/>
      <c r="AM103" s="98"/>
      <c r="AN103" s="146"/>
      <c r="AO103" s="92"/>
      <c r="AP103" s="151"/>
      <c r="AQ103" s="92"/>
      <c r="AS103" s="98"/>
      <c r="AT103" s="98"/>
      <c r="AU103" s="142"/>
    </row>
    <row r="104" spans="1:47" ht="15.95" customHeight="1" x14ac:dyDescent="0.15">
      <c r="A104" s="149"/>
      <c r="E104" s="149"/>
      <c r="H104" s="104"/>
      <c r="I104" s="528" t="s">
        <v>579</v>
      </c>
      <c r="J104" s="450"/>
      <c r="K104" s="450"/>
      <c r="L104" s="451"/>
      <c r="M104" s="148"/>
      <c r="N104" s="103" t="s">
        <v>580</v>
      </c>
      <c r="O104" s="103"/>
      <c r="P104" s="103"/>
      <c r="Q104" s="101"/>
      <c r="R104" s="101"/>
      <c r="S104" s="101"/>
      <c r="T104" s="101"/>
      <c r="U104" s="156"/>
      <c r="V104" s="156"/>
      <c r="W104" s="156"/>
      <c r="X104" s="156"/>
      <c r="Y104" s="156"/>
      <c r="Z104" s="156"/>
      <c r="AA104" s="156"/>
      <c r="AB104" s="156"/>
      <c r="AC104" s="156"/>
      <c r="AD104" s="156"/>
      <c r="AE104" s="102"/>
      <c r="AF104" s="102"/>
      <c r="AG104" s="152"/>
      <c r="AH104" s="146" t="s">
        <v>7</v>
      </c>
      <c r="AI104" s="92"/>
      <c r="AJ104" s="92"/>
      <c r="AK104" s="92"/>
      <c r="AL104" s="92"/>
      <c r="AM104" s="92"/>
      <c r="AN104" s="148"/>
      <c r="AO104" s="92"/>
      <c r="AP104" s="92"/>
      <c r="AQ104" s="92"/>
      <c r="AR104" s="92"/>
      <c r="AS104" s="92"/>
      <c r="AT104" s="92"/>
      <c r="AU104" s="145"/>
    </row>
    <row r="105" spans="1:47" ht="15.95" customHeight="1" x14ac:dyDescent="0.15">
      <c r="A105" s="149"/>
      <c r="E105" s="149"/>
      <c r="I105" s="548"/>
      <c r="J105" s="549"/>
      <c r="K105" s="549"/>
      <c r="L105" s="550"/>
      <c r="M105" s="146" t="s">
        <v>54</v>
      </c>
      <c r="N105" s="103" t="s">
        <v>581</v>
      </c>
      <c r="O105" s="103"/>
      <c r="P105" s="103"/>
      <c r="Q105" s="103"/>
      <c r="R105" s="103"/>
      <c r="S105" s="103"/>
      <c r="T105" s="103"/>
      <c r="U105" s="194"/>
      <c r="V105" s="194"/>
      <c r="W105" s="194"/>
      <c r="X105" s="194"/>
      <c r="Y105" s="194"/>
      <c r="Z105" s="194"/>
      <c r="AA105" s="194"/>
      <c r="AB105" s="194"/>
      <c r="AC105" s="194"/>
      <c r="AD105" s="194"/>
      <c r="AE105" s="102"/>
      <c r="AF105" s="102"/>
      <c r="AG105" s="152"/>
      <c r="AH105" s="149"/>
      <c r="AN105" s="149"/>
      <c r="AS105" s="92"/>
      <c r="AT105" s="92"/>
      <c r="AU105" s="145"/>
    </row>
    <row r="106" spans="1:47" ht="15.95" customHeight="1" x14ac:dyDescent="0.15">
      <c r="A106" s="149"/>
      <c r="E106" s="149"/>
      <c r="I106" s="545"/>
      <c r="J106" s="546"/>
      <c r="K106" s="546"/>
      <c r="L106" s="547"/>
      <c r="M106" s="167" t="s">
        <v>54</v>
      </c>
      <c r="N106" s="97" t="s">
        <v>582</v>
      </c>
      <c r="O106" s="97"/>
      <c r="P106" s="97"/>
      <c r="Q106" s="97"/>
      <c r="R106" s="97"/>
      <c r="S106" s="97"/>
      <c r="T106" s="97"/>
      <c r="U106" s="97"/>
      <c r="V106" s="97"/>
      <c r="W106" s="97"/>
      <c r="X106" s="97"/>
      <c r="Y106" s="97"/>
      <c r="Z106" s="97"/>
      <c r="AA106" s="97"/>
      <c r="AB106" s="96"/>
      <c r="AC106" s="96"/>
      <c r="AD106" s="96"/>
      <c r="AE106" s="96"/>
      <c r="AF106" s="96"/>
      <c r="AG106" s="259"/>
      <c r="AH106" s="219"/>
      <c r="AI106" s="116"/>
      <c r="AJ106" s="116"/>
      <c r="AK106" s="116"/>
      <c r="AL106" s="116"/>
      <c r="AM106" s="116"/>
      <c r="AN106" s="219"/>
      <c r="AO106" s="116"/>
      <c r="AP106" s="116"/>
      <c r="AQ106" s="116"/>
      <c r="AR106" s="116"/>
      <c r="AS106" s="105"/>
      <c r="AT106" s="105"/>
      <c r="AU106" s="170"/>
    </row>
    <row r="107" spans="1:47" ht="15.95" customHeight="1" x14ac:dyDescent="0.15">
      <c r="A107" s="149"/>
      <c r="E107" s="149"/>
      <c r="I107" s="528" t="s">
        <v>583</v>
      </c>
      <c r="J107" s="529"/>
      <c r="K107" s="529"/>
      <c r="L107" s="530"/>
      <c r="M107" s="146" t="s">
        <v>54</v>
      </c>
      <c r="N107" s="103" t="s">
        <v>584</v>
      </c>
      <c r="O107" s="103"/>
      <c r="P107" s="103"/>
      <c r="Q107" s="103"/>
      <c r="R107" s="103"/>
      <c r="S107" s="103"/>
      <c r="T107" s="103"/>
      <c r="U107" s="156"/>
      <c r="V107" s="156"/>
      <c r="W107" s="156"/>
      <c r="X107" s="156"/>
      <c r="Y107" s="156"/>
      <c r="Z107" s="156"/>
      <c r="AA107" s="156"/>
      <c r="AB107" s="156"/>
      <c r="AC107" s="156"/>
      <c r="AD107" s="156"/>
      <c r="AE107" s="102"/>
      <c r="AF107" s="102"/>
      <c r="AG107" s="152"/>
      <c r="AH107" s="146" t="s">
        <v>7</v>
      </c>
      <c r="AI107" s="92" t="s">
        <v>363</v>
      </c>
      <c r="AJ107" s="92"/>
      <c r="AK107" s="92"/>
      <c r="AL107" s="92"/>
      <c r="AM107" s="92"/>
      <c r="AN107" s="146"/>
      <c r="AO107" s="92"/>
      <c r="AP107" s="151"/>
      <c r="AQ107" s="92"/>
      <c r="AS107" s="92"/>
      <c r="AT107" s="92"/>
      <c r="AU107" s="145"/>
    </row>
    <row r="108" spans="1:47" ht="15.95" customHeight="1" x14ac:dyDescent="0.15">
      <c r="A108" s="149"/>
      <c r="E108" s="149"/>
      <c r="I108" s="528" t="s">
        <v>585</v>
      </c>
      <c r="J108" s="477"/>
      <c r="K108" s="477"/>
      <c r="L108" s="478"/>
      <c r="M108" s="173"/>
      <c r="N108" s="103" t="s">
        <v>586</v>
      </c>
      <c r="O108" s="103"/>
      <c r="P108" s="103"/>
      <c r="Q108" s="103"/>
      <c r="R108" s="103"/>
      <c r="S108" s="103"/>
      <c r="T108" s="156"/>
      <c r="U108" s="156"/>
      <c r="V108" s="156"/>
      <c r="W108" s="156"/>
      <c r="X108" s="156"/>
      <c r="Y108" s="156"/>
      <c r="Z108" s="156"/>
      <c r="AA108" s="156"/>
      <c r="AB108" s="156"/>
      <c r="AC108" s="156"/>
      <c r="AD108" s="156"/>
      <c r="AE108" s="102"/>
      <c r="AF108" s="102"/>
      <c r="AG108" s="152"/>
      <c r="AH108" s="146" t="s">
        <v>7</v>
      </c>
      <c r="AI108" s="92"/>
      <c r="AJ108" s="92"/>
      <c r="AK108" s="92"/>
      <c r="AL108" s="92"/>
      <c r="AM108" s="92"/>
      <c r="AN108" s="148"/>
      <c r="AO108" s="92"/>
      <c r="AP108" s="92"/>
      <c r="AQ108" s="92"/>
      <c r="AR108" s="92"/>
      <c r="AS108" s="92"/>
      <c r="AT108" s="92"/>
      <c r="AU108" s="145"/>
    </row>
    <row r="109" spans="1:47" ht="15.95" customHeight="1" x14ac:dyDescent="0.15">
      <c r="A109" s="149"/>
      <c r="E109" s="149"/>
      <c r="I109" s="222"/>
      <c r="J109" s="214"/>
      <c r="K109" s="214"/>
      <c r="L109" s="215"/>
      <c r="M109" s="146" t="s">
        <v>54</v>
      </c>
      <c r="N109" s="103" t="s">
        <v>587</v>
      </c>
      <c r="O109" s="103"/>
      <c r="P109" s="103"/>
      <c r="Q109" s="103"/>
      <c r="R109" s="103"/>
      <c r="S109" s="103"/>
      <c r="T109" s="103"/>
      <c r="U109" s="156"/>
      <c r="V109" s="156"/>
      <c r="W109" s="156"/>
      <c r="X109" s="156"/>
      <c r="Y109" s="156"/>
      <c r="Z109" s="156"/>
      <c r="AA109" s="156"/>
      <c r="AB109" s="156"/>
      <c r="AC109" s="156"/>
      <c r="AD109" s="156"/>
      <c r="AE109" s="102"/>
      <c r="AF109" s="102"/>
      <c r="AG109" s="152"/>
      <c r="AH109" s="148"/>
      <c r="AI109" s="92"/>
      <c r="AJ109" s="92"/>
      <c r="AK109" s="92"/>
      <c r="AL109" s="92"/>
      <c r="AM109" s="92"/>
      <c r="AN109" s="148"/>
      <c r="AO109" s="92"/>
      <c r="AP109" s="92"/>
      <c r="AQ109" s="92"/>
      <c r="AR109" s="92"/>
      <c r="AS109" s="92"/>
      <c r="AT109" s="92"/>
      <c r="AU109" s="145"/>
    </row>
    <row r="110" spans="1:47" ht="15.95" customHeight="1" x14ac:dyDescent="0.15">
      <c r="A110" s="219"/>
      <c r="B110" s="116"/>
      <c r="C110" s="116"/>
      <c r="D110" s="116"/>
      <c r="E110" s="219"/>
      <c r="F110" s="116"/>
      <c r="G110" s="116"/>
      <c r="H110" s="116"/>
      <c r="I110" s="308"/>
      <c r="J110" s="245"/>
      <c r="K110" s="245"/>
      <c r="L110" s="246"/>
      <c r="M110" s="167" t="s">
        <v>54</v>
      </c>
      <c r="N110" s="551" t="s">
        <v>582</v>
      </c>
      <c r="O110" s="551"/>
      <c r="P110" s="551"/>
      <c r="Q110" s="551"/>
      <c r="R110" s="551"/>
      <c r="S110" s="551"/>
      <c r="T110" s="551"/>
      <c r="U110" s="551"/>
      <c r="V110" s="551"/>
      <c r="W110" s="551"/>
      <c r="X110" s="551"/>
      <c r="Y110" s="551"/>
      <c r="Z110" s="551"/>
      <c r="AA110" s="551"/>
      <c r="AB110" s="551"/>
      <c r="AC110" s="551"/>
      <c r="AD110" s="551"/>
      <c r="AE110" s="551"/>
      <c r="AF110" s="105"/>
      <c r="AG110" s="170"/>
      <c r="AH110" s="169"/>
      <c r="AI110" s="105"/>
      <c r="AJ110" s="105"/>
      <c r="AK110" s="105"/>
      <c r="AL110" s="105"/>
      <c r="AM110" s="105"/>
      <c r="AN110" s="169"/>
      <c r="AO110" s="105"/>
      <c r="AP110" s="105"/>
      <c r="AQ110" s="105"/>
      <c r="AR110" s="105"/>
      <c r="AS110" s="105"/>
      <c r="AT110" s="105"/>
      <c r="AU110" s="170"/>
    </row>
    <row r="111" spans="1:47" ht="15.95" customHeight="1" x14ac:dyDescent="0.15">
      <c r="A111" s="437" t="s">
        <v>311</v>
      </c>
      <c r="B111" s="438"/>
      <c r="C111" s="438"/>
      <c r="D111" s="439"/>
      <c r="E111" s="437" t="s">
        <v>596</v>
      </c>
      <c r="F111" s="438"/>
      <c r="G111" s="438"/>
      <c r="H111" s="439"/>
      <c r="I111" s="437" t="s">
        <v>596</v>
      </c>
      <c r="J111" s="499"/>
      <c r="K111" s="499"/>
      <c r="L111" s="500"/>
      <c r="M111" s="247" t="s">
        <v>597</v>
      </c>
      <c r="N111" s="208"/>
      <c r="O111" s="98"/>
      <c r="P111" s="207" t="s">
        <v>25</v>
      </c>
      <c r="Q111" s="476"/>
      <c r="R111" s="476"/>
      <c r="S111" s="476"/>
      <c r="T111" s="476"/>
      <c r="U111" s="476"/>
      <c r="V111" s="476"/>
      <c r="W111" s="476"/>
      <c r="X111" s="208" t="s">
        <v>337</v>
      </c>
      <c r="Y111" s="208"/>
      <c r="Z111" s="208"/>
      <c r="AA111" s="208"/>
      <c r="AB111" s="208"/>
      <c r="AC111" s="206"/>
      <c r="AD111" s="208"/>
      <c r="AE111" s="208"/>
      <c r="AF111" s="208"/>
      <c r="AG111" s="262"/>
      <c r="AH111" s="138" t="s">
        <v>7</v>
      </c>
      <c r="AI111" s="98" t="s">
        <v>363</v>
      </c>
      <c r="AJ111" s="98"/>
      <c r="AK111" s="98"/>
      <c r="AL111" s="98"/>
      <c r="AM111" s="98"/>
      <c r="AN111" s="138"/>
      <c r="AO111" s="98"/>
      <c r="AP111" s="98"/>
      <c r="AQ111" s="98"/>
      <c r="AR111" s="98"/>
      <c r="AS111" s="114"/>
      <c r="AT111" s="114"/>
      <c r="AU111" s="99"/>
    </row>
    <row r="112" spans="1:47" ht="15.95" customHeight="1" x14ac:dyDescent="0.15">
      <c r="A112" s="449" t="s">
        <v>312</v>
      </c>
      <c r="B112" s="450"/>
      <c r="C112" s="450"/>
      <c r="D112" s="451"/>
      <c r="E112" s="148"/>
      <c r="F112" s="92"/>
      <c r="G112" s="92"/>
      <c r="H112" s="145"/>
      <c r="I112" s="461" t="s">
        <v>598</v>
      </c>
      <c r="J112" s="462"/>
      <c r="K112" s="462"/>
      <c r="L112" s="463"/>
      <c r="M112" s="219"/>
      <c r="N112" s="105"/>
      <c r="O112" s="105"/>
      <c r="P112" s="105"/>
      <c r="Q112" s="116"/>
      <c r="R112" s="116"/>
      <c r="S112" s="97"/>
      <c r="T112" s="97"/>
      <c r="U112" s="97"/>
      <c r="V112" s="97"/>
      <c r="W112" s="97"/>
      <c r="X112" s="97"/>
      <c r="Y112" s="97"/>
      <c r="Z112" s="97"/>
      <c r="AA112" s="97"/>
      <c r="AB112" s="97"/>
      <c r="AC112" s="96"/>
      <c r="AD112" s="97"/>
      <c r="AE112" s="97"/>
      <c r="AF112" s="97"/>
      <c r="AG112" s="191"/>
      <c r="AH112" s="146" t="s">
        <v>7</v>
      </c>
      <c r="AI112" s="92" t="s">
        <v>278</v>
      </c>
      <c r="AN112" s="121"/>
      <c r="AO112" s="124"/>
      <c r="AU112" s="104"/>
    </row>
    <row r="113" spans="1:47" ht="15.95" customHeight="1" x14ac:dyDescent="0.15">
      <c r="A113" s="449" t="s">
        <v>599</v>
      </c>
      <c r="B113" s="450"/>
      <c r="C113" s="450"/>
      <c r="D113" s="450"/>
      <c r="E113" s="148"/>
      <c r="F113" s="92"/>
      <c r="G113" s="92"/>
      <c r="H113" s="145"/>
      <c r="I113" s="437" t="s">
        <v>600</v>
      </c>
      <c r="J113" s="438"/>
      <c r="K113" s="438"/>
      <c r="L113" s="439"/>
      <c r="M113" s="108" t="s">
        <v>66</v>
      </c>
      <c r="N113" s="92" t="s">
        <v>601</v>
      </c>
      <c r="O113" s="92"/>
      <c r="P113" s="92"/>
      <c r="S113" s="103"/>
      <c r="T113" s="103"/>
      <c r="U113" s="103"/>
      <c r="V113" s="175" t="s">
        <v>25</v>
      </c>
      <c r="W113" s="479"/>
      <c r="X113" s="479"/>
      <c r="Y113" s="479"/>
      <c r="Z113" s="479"/>
      <c r="AA113" s="479"/>
      <c r="AB113" s="479"/>
      <c r="AC113" s="479"/>
      <c r="AD113" s="103" t="s">
        <v>337</v>
      </c>
      <c r="AE113" s="103"/>
      <c r="AF113" s="103"/>
      <c r="AG113" s="251"/>
      <c r="AH113" s="146" t="s">
        <v>7</v>
      </c>
      <c r="AI113" s="92" t="s">
        <v>122</v>
      </c>
      <c r="AN113" s="121"/>
      <c r="AO113" s="124"/>
      <c r="AU113" s="104"/>
    </row>
    <row r="114" spans="1:47" ht="15.95" customHeight="1" x14ac:dyDescent="0.15">
      <c r="A114" s="149"/>
      <c r="E114" s="148"/>
      <c r="F114" s="92"/>
      <c r="G114" s="92"/>
      <c r="H114" s="145"/>
      <c r="I114" s="449" t="s">
        <v>602</v>
      </c>
      <c r="J114" s="450"/>
      <c r="K114" s="450"/>
      <c r="L114" s="451"/>
      <c r="M114" s="151" t="s">
        <v>54</v>
      </c>
      <c r="N114" s="103" t="s">
        <v>603</v>
      </c>
      <c r="O114" s="103"/>
      <c r="P114" s="124"/>
      <c r="Q114" s="103"/>
      <c r="R114" s="151" t="s">
        <v>54</v>
      </c>
      <c r="S114" s="103" t="s">
        <v>604</v>
      </c>
      <c r="T114" s="124"/>
      <c r="U114" s="103"/>
      <c r="V114" s="151" t="s">
        <v>54</v>
      </c>
      <c r="W114" s="103" t="s">
        <v>605</v>
      </c>
      <c r="X114" s="103"/>
      <c r="Y114" s="103"/>
      <c r="Z114" s="103"/>
      <c r="AA114" s="103"/>
      <c r="AB114" s="103"/>
      <c r="AC114" s="102"/>
      <c r="AD114" s="103"/>
      <c r="AE114" s="103"/>
      <c r="AF114" s="103"/>
      <c r="AG114" s="251"/>
      <c r="AH114" s="146" t="s">
        <v>7</v>
      </c>
      <c r="AI114" s="92"/>
      <c r="AN114" s="148"/>
      <c r="AU114" s="104"/>
    </row>
    <row r="115" spans="1:47" ht="15.95" customHeight="1" x14ac:dyDescent="0.15">
      <c r="A115" s="146" t="s">
        <v>7</v>
      </c>
      <c r="B115" s="538" t="s">
        <v>668</v>
      </c>
      <c r="C115" s="538"/>
      <c r="D115" s="539"/>
      <c r="E115" s="169"/>
      <c r="F115" s="105"/>
      <c r="G115" s="105"/>
      <c r="H115" s="170"/>
      <c r="I115" s="461" t="s">
        <v>606</v>
      </c>
      <c r="J115" s="462"/>
      <c r="K115" s="462"/>
      <c r="L115" s="463"/>
      <c r="M115" s="116"/>
      <c r="N115" s="105"/>
      <c r="O115" s="92"/>
      <c r="P115" s="92"/>
      <c r="S115" s="103"/>
      <c r="T115" s="103"/>
      <c r="U115" s="103"/>
      <c r="V115" s="103"/>
      <c r="W115" s="103"/>
      <c r="X115" s="103"/>
      <c r="Y115" s="103"/>
      <c r="Z115" s="103"/>
      <c r="AA115" s="103"/>
      <c r="AB115" s="103"/>
      <c r="AC115" s="102"/>
      <c r="AD115" s="103"/>
      <c r="AE115" s="103"/>
      <c r="AF115" s="103"/>
      <c r="AG115" s="191"/>
      <c r="AH115" s="167"/>
      <c r="AI115" s="105"/>
      <c r="AJ115" s="116"/>
      <c r="AK115" s="116"/>
      <c r="AL115" s="116"/>
      <c r="AM115" s="116"/>
      <c r="AN115" s="169"/>
      <c r="AO115" s="116"/>
      <c r="AP115" s="116"/>
      <c r="AQ115" s="116"/>
      <c r="AR115" s="116"/>
      <c r="AS115" s="116"/>
      <c r="AT115" s="116"/>
      <c r="AU115" s="106"/>
    </row>
    <row r="116" spans="1:47" ht="15.95" customHeight="1" x14ac:dyDescent="0.15">
      <c r="A116" s="121"/>
      <c r="B116" s="538"/>
      <c r="C116" s="538"/>
      <c r="D116" s="539"/>
      <c r="E116" s="449" t="s">
        <v>607</v>
      </c>
      <c r="F116" s="450"/>
      <c r="G116" s="450"/>
      <c r="H116" s="451"/>
      <c r="I116" s="173" t="s">
        <v>608</v>
      </c>
      <c r="J116" s="103"/>
      <c r="K116" s="103"/>
      <c r="L116" s="251"/>
      <c r="M116" s="108" t="s">
        <v>66</v>
      </c>
      <c r="N116" s="92" t="s">
        <v>609</v>
      </c>
      <c r="O116" s="98"/>
      <c r="P116" s="98" t="s">
        <v>25</v>
      </c>
      <c r="Q116" s="476"/>
      <c r="R116" s="476"/>
      <c r="S116" s="476"/>
      <c r="T116" s="208" t="s">
        <v>337</v>
      </c>
      <c r="U116" s="208"/>
      <c r="V116" s="208" t="s">
        <v>66</v>
      </c>
      <c r="W116" s="208" t="s">
        <v>610</v>
      </c>
      <c r="X116" s="208"/>
      <c r="Y116" s="98" t="s">
        <v>25</v>
      </c>
      <c r="Z116" s="476"/>
      <c r="AA116" s="476"/>
      <c r="AB116" s="476"/>
      <c r="AC116" s="208" t="s">
        <v>337</v>
      </c>
      <c r="AD116" s="208"/>
      <c r="AE116" s="208"/>
      <c r="AF116" s="208"/>
      <c r="AG116" s="251"/>
      <c r="AH116" s="146" t="s">
        <v>7</v>
      </c>
      <c r="AI116" s="92" t="s">
        <v>278</v>
      </c>
      <c r="AN116" s="146"/>
      <c r="AO116" s="92"/>
      <c r="AP116" s="114"/>
      <c r="AQ116" s="114"/>
      <c r="AR116" s="114"/>
      <c r="AU116" s="104"/>
    </row>
    <row r="117" spans="1:47" ht="15.95" customHeight="1" x14ac:dyDescent="0.15">
      <c r="A117" s="149"/>
      <c r="B117" s="538"/>
      <c r="C117" s="538"/>
      <c r="D117" s="539"/>
      <c r="E117" s="148"/>
      <c r="F117" s="92"/>
      <c r="G117" s="92"/>
      <c r="H117" s="145"/>
      <c r="I117" s="243"/>
      <c r="J117" s="97"/>
      <c r="K117" s="97"/>
      <c r="L117" s="191"/>
      <c r="M117" s="127" t="s">
        <v>66</v>
      </c>
      <c r="N117" s="105" t="s">
        <v>611</v>
      </c>
      <c r="O117" s="105"/>
      <c r="P117" s="105" t="s">
        <v>25</v>
      </c>
      <c r="Q117" s="116"/>
      <c r="R117" s="116"/>
      <c r="S117" s="97"/>
      <c r="T117" s="97"/>
      <c r="U117" s="97"/>
      <c r="V117" s="97" t="s">
        <v>612</v>
      </c>
      <c r="W117" s="97"/>
      <c r="X117" s="97"/>
      <c r="Y117" s="97"/>
      <c r="Z117" s="97"/>
      <c r="AA117" s="97"/>
      <c r="AB117" s="97"/>
      <c r="AC117" s="253" t="s">
        <v>26</v>
      </c>
      <c r="AD117" s="97"/>
      <c r="AE117" s="97"/>
      <c r="AF117" s="97"/>
      <c r="AG117" s="191"/>
      <c r="AH117" s="146" t="s">
        <v>7</v>
      </c>
      <c r="AI117" s="92" t="s">
        <v>613</v>
      </c>
      <c r="AN117" s="148"/>
      <c r="AU117" s="104"/>
    </row>
    <row r="118" spans="1:47" ht="15.95" customHeight="1" x14ac:dyDescent="0.15">
      <c r="A118" s="149"/>
      <c r="B118" s="255"/>
      <c r="C118" s="255"/>
      <c r="D118" s="256"/>
      <c r="E118" s="148"/>
      <c r="F118" s="92"/>
      <c r="G118" s="92"/>
      <c r="H118" s="145"/>
      <c r="I118" s="247" t="s">
        <v>614</v>
      </c>
      <c r="J118" s="208"/>
      <c r="K118" s="208"/>
      <c r="L118" s="262"/>
      <c r="M118" s="120" t="s">
        <v>66</v>
      </c>
      <c r="N118" s="98" t="s">
        <v>615</v>
      </c>
      <c r="O118" s="98"/>
      <c r="P118" s="98"/>
      <c r="Q118" s="114" t="s">
        <v>25</v>
      </c>
      <c r="R118" s="114"/>
      <c r="S118" s="208"/>
      <c r="T118" s="208"/>
      <c r="U118" s="208"/>
      <c r="V118" s="208"/>
      <c r="W118" s="208"/>
      <c r="X118" s="208"/>
      <c r="Y118" s="208"/>
      <c r="Z118" s="208"/>
      <c r="AA118" s="208"/>
      <c r="AB118" s="208"/>
      <c r="AC118" s="208" t="s">
        <v>337</v>
      </c>
      <c r="AD118" s="208"/>
      <c r="AE118" s="208"/>
      <c r="AF118" s="208"/>
      <c r="AG118" s="262"/>
      <c r="AH118" s="124"/>
      <c r="AI118" s="92"/>
      <c r="AN118" s="148"/>
      <c r="AU118" s="104"/>
    </row>
    <row r="119" spans="1:47" ht="15.95" customHeight="1" x14ac:dyDescent="0.15">
      <c r="A119" s="149"/>
      <c r="B119" s="255"/>
      <c r="C119" s="255"/>
      <c r="D119" s="256"/>
      <c r="E119" s="148"/>
      <c r="F119" s="92"/>
      <c r="G119" s="92"/>
      <c r="H119" s="145"/>
      <c r="I119" s="243"/>
      <c r="J119" s="97"/>
      <c r="K119" s="97"/>
      <c r="L119" s="191"/>
      <c r="M119" s="127" t="s">
        <v>66</v>
      </c>
      <c r="N119" s="105" t="s">
        <v>616</v>
      </c>
      <c r="O119" s="105"/>
      <c r="P119" s="105"/>
      <c r="Q119" s="116" t="s">
        <v>25</v>
      </c>
      <c r="R119" s="126" t="s">
        <v>54</v>
      </c>
      <c r="S119" s="97" t="s">
        <v>1</v>
      </c>
      <c r="T119" s="126" t="s">
        <v>7</v>
      </c>
      <c r="U119" s="97" t="s">
        <v>2</v>
      </c>
      <c r="V119" s="97" t="s">
        <v>26</v>
      </c>
      <c r="W119" s="97"/>
      <c r="X119" s="97"/>
      <c r="Y119" s="97"/>
      <c r="Z119" s="97"/>
      <c r="AA119" s="97"/>
      <c r="AB119" s="97"/>
      <c r="AC119" s="96"/>
      <c r="AD119" s="97"/>
      <c r="AE119" s="97"/>
      <c r="AF119" s="97"/>
      <c r="AG119" s="191"/>
      <c r="AH119" s="124"/>
      <c r="AI119" s="92"/>
      <c r="AN119" s="148"/>
      <c r="AU119" s="104"/>
    </row>
    <row r="120" spans="1:47" ht="15.95" customHeight="1" x14ac:dyDescent="0.15">
      <c r="A120" s="149"/>
      <c r="B120" s="255"/>
      <c r="C120" s="255"/>
      <c r="D120" s="256"/>
      <c r="E120" s="148"/>
      <c r="F120" s="92"/>
      <c r="G120" s="92"/>
      <c r="H120" s="145"/>
      <c r="I120" s="247" t="s">
        <v>617</v>
      </c>
      <c r="J120" s="103"/>
      <c r="K120" s="103"/>
      <c r="L120" s="251"/>
      <c r="M120" s="120" t="s">
        <v>66</v>
      </c>
      <c r="N120" s="98" t="s">
        <v>618</v>
      </c>
      <c r="O120" s="92"/>
      <c r="P120" s="92"/>
      <c r="S120" s="103"/>
      <c r="T120" s="103"/>
      <c r="U120" s="103"/>
      <c r="V120" s="103"/>
      <c r="W120" s="103"/>
      <c r="X120" s="103"/>
      <c r="Y120" s="103"/>
      <c r="Z120" s="103"/>
      <c r="AA120" s="103"/>
      <c r="AB120" s="103"/>
      <c r="AC120" s="102"/>
      <c r="AD120" s="103"/>
      <c r="AE120" s="103"/>
      <c r="AF120" s="103"/>
      <c r="AG120" s="251"/>
      <c r="AH120" s="124"/>
      <c r="AI120" s="92"/>
      <c r="AN120" s="148"/>
      <c r="AU120" s="104"/>
    </row>
    <row r="121" spans="1:47" ht="15.95" customHeight="1" x14ac:dyDescent="0.15">
      <c r="A121" s="149"/>
      <c r="B121" s="255"/>
      <c r="C121" s="255"/>
      <c r="D121" s="256"/>
      <c r="E121" s="148"/>
      <c r="F121" s="92"/>
      <c r="G121" s="92"/>
      <c r="H121" s="145"/>
      <c r="I121" s="173"/>
      <c r="J121" s="103"/>
      <c r="K121" s="103"/>
      <c r="L121" s="251"/>
      <c r="M121" s="149"/>
      <c r="N121" s="92" t="s">
        <v>25</v>
      </c>
      <c r="O121" s="151" t="s">
        <v>54</v>
      </c>
      <c r="P121" s="92" t="s">
        <v>619</v>
      </c>
      <c r="S121" s="103"/>
      <c r="T121" s="103"/>
      <c r="U121" s="103"/>
      <c r="V121" s="151" t="s">
        <v>54</v>
      </c>
      <c r="W121" s="92" t="s">
        <v>620</v>
      </c>
      <c r="X121" s="103"/>
      <c r="Y121" s="103"/>
      <c r="Z121" s="151" t="s">
        <v>54</v>
      </c>
      <c r="AA121" s="92" t="s">
        <v>0</v>
      </c>
      <c r="AB121" s="103"/>
      <c r="AC121" s="102" t="s">
        <v>26</v>
      </c>
      <c r="AD121" s="103"/>
      <c r="AE121" s="103"/>
      <c r="AF121" s="103"/>
      <c r="AG121" s="251"/>
      <c r="AH121" s="124"/>
      <c r="AI121" s="92"/>
      <c r="AN121" s="148"/>
      <c r="AU121" s="104"/>
    </row>
    <row r="122" spans="1:47" ht="15.95" customHeight="1" x14ac:dyDescent="0.15">
      <c r="A122" s="149"/>
      <c r="B122" s="255"/>
      <c r="C122" s="255"/>
      <c r="D122" s="256"/>
      <c r="E122" s="148"/>
      <c r="F122" s="92"/>
      <c r="G122" s="92"/>
      <c r="H122" s="145"/>
      <c r="I122" s="173"/>
      <c r="J122" s="103"/>
      <c r="K122" s="103"/>
      <c r="L122" s="251"/>
      <c r="M122" s="108" t="s">
        <v>66</v>
      </c>
      <c r="N122" s="92" t="s">
        <v>621</v>
      </c>
      <c r="O122" s="92"/>
      <c r="P122" s="92"/>
      <c r="S122" s="103"/>
      <c r="T122" s="103"/>
      <c r="U122" s="103"/>
      <c r="V122" s="91" t="s">
        <v>25</v>
      </c>
      <c r="W122" s="151" t="s">
        <v>7</v>
      </c>
      <c r="X122" s="103" t="s">
        <v>1</v>
      </c>
      <c r="Y122" s="151" t="s">
        <v>54</v>
      </c>
      <c r="Z122" s="103" t="s">
        <v>2</v>
      </c>
      <c r="AA122" s="103" t="s">
        <v>26</v>
      </c>
      <c r="AB122" s="103"/>
      <c r="AC122" s="102"/>
      <c r="AD122" s="103"/>
      <c r="AE122" s="103"/>
      <c r="AF122" s="103"/>
      <c r="AG122" s="251"/>
      <c r="AH122" s="124"/>
      <c r="AI122" s="92"/>
      <c r="AN122" s="148"/>
      <c r="AU122" s="104"/>
    </row>
    <row r="123" spans="1:47" ht="15.95" customHeight="1" x14ac:dyDescent="0.15">
      <c r="A123" s="149"/>
      <c r="B123" s="255"/>
      <c r="C123" s="255"/>
      <c r="D123" s="256"/>
      <c r="E123" s="148"/>
      <c r="F123" s="92"/>
      <c r="G123" s="92"/>
      <c r="H123" s="145"/>
      <c r="I123" s="243"/>
      <c r="J123" s="97"/>
      <c r="K123" s="97"/>
      <c r="L123" s="191"/>
      <c r="M123" s="127" t="s">
        <v>66</v>
      </c>
      <c r="N123" s="105" t="s">
        <v>622</v>
      </c>
      <c r="O123" s="105"/>
      <c r="P123" s="105"/>
      <c r="Q123" s="116"/>
      <c r="R123" s="116"/>
      <c r="S123" s="97"/>
      <c r="T123" s="97"/>
      <c r="U123" s="97"/>
      <c r="V123" s="116" t="s">
        <v>25</v>
      </c>
      <c r="W123" s="126" t="s">
        <v>7</v>
      </c>
      <c r="X123" s="97" t="s">
        <v>1</v>
      </c>
      <c r="Y123" s="126" t="s">
        <v>54</v>
      </c>
      <c r="Z123" s="97" t="s">
        <v>2</v>
      </c>
      <c r="AA123" s="97" t="s">
        <v>26</v>
      </c>
      <c r="AB123" s="97"/>
      <c r="AC123" s="96"/>
      <c r="AD123" s="97"/>
      <c r="AE123" s="97"/>
      <c r="AF123" s="97"/>
      <c r="AG123" s="191"/>
      <c r="AH123" s="124"/>
      <c r="AI123" s="92"/>
      <c r="AN123" s="148"/>
      <c r="AU123" s="104"/>
    </row>
    <row r="124" spans="1:47" ht="15.95" customHeight="1" x14ac:dyDescent="0.15">
      <c r="A124" s="149"/>
      <c r="B124" s="255"/>
      <c r="C124" s="255"/>
      <c r="D124" s="256"/>
      <c r="E124" s="227"/>
      <c r="F124" s="132"/>
      <c r="G124" s="132"/>
      <c r="H124" s="228"/>
      <c r="I124" s="464" t="s">
        <v>623</v>
      </c>
      <c r="J124" s="552"/>
      <c r="K124" s="552"/>
      <c r="L124" s="553"/>
      <c r="M124" s="313" t="s">
        <v>66</v>
      </c>
      <c r="N124" s="94" t="s">
        <v>624</v>
      </c>
      <c r="O124" s="94"/>
      <c r="P124" s="94"/>
      <c r="Q124" s="286" t="s">
        <v>25</v>
      </c>
      <c r="R124" s="314" t="s">
        <v>54</v>
      </c>
      <c r="S124" s="285" t="s">
        <v>1</v>
      </c>
      <c r="T124" s="314" t="s">
        <v>7</v>
      </c>
      <c r="U124" s="285" t="s">
        <v>625</v>
      </c>
      <c r="V124" s="285"/>
      <c r="W124" s="285"/>
      <c r="X124" s="286"/>
      <c r="Y124" s="285"/>
      <c r="Z124" s="285"/>
      <c r="AA124" s="285"/>
      <c r="AB124" s="285"/>
      <c r="AC124" s="133"/>
      <c r="AD124" s="285"/>
      <c r="AE124" s="285"/>
      <c r="AF124" s="285"/>
      <c r="AG124" s="315"/>
      <c r="AH124" s="124"/>
      <c r="AI124" s="92"/>
      <c r="AJ124" s="92"/>
      <c r="AK124" s="92"/>
      <c r="AL124" s="92"/>
      <c r="AM124" s="92"/>
      <c r="AN124" s="148"/>
      <c r="AO124" s="92"/>
      <c r="AP124" s="92"/>
      <c r="AQ124" s="92"/>
      <c r="AR124" s="92"/>
      <c r="AU124" s="104"/>
    </row>
    <row r="125" spans="1:47" ht="15.95" customHeight="1" x14ac:dyDescent="0.15">
      <c r="A125" s="149"/>
      <c r="B125" s="255"/>
      <c r="C125" s="255"/>
      <c r="D125" s="256"/>
      <c r="E125" s="227"/>
      <c r="F125" s="132"/>
      <c r="G125" s="132"/>
      <c r="H125" s="228"/>
      <c r="I125" s="461" t="s">
        <v>626</v>
      </c>
      <c r="J125" s="554"/>
      <c r="K125" s="554"/>
      <c r="L125" s="555"/>
      <c r="M125" s="316" t="s">
        <v>66</v>
      </c>
      <c r="N125" s="105" t="s">
        <v>627</v>
      </c>
      <c r="O125" s="105"/>
      <c r="P125" s="105"/>
      <c r="Q125" s="116" t="s">
        <v>25</v>
      </c>
      <c r="R125" s="126" t="s">
        <v>7</v>
      </c>
      <c r="S125" s="97" t="s">
        <v>1</v>
      </c>
      <c r="T125" s="126" t="s">
        <v>54</v>
      </c>
      <c r="U125" s="97" t="s">
        <v>2</v>
      </c>
      <c r="V125" s="97" t="s">
        <v>26</v>
      </c>
      <c r="W125" s="97"/>
      <c r="X125" s="97"/>
      <c r="Y125" s="97"/>
      <c r="Z125" s="97"/>
      <c r="AA125" s="97"/>
      <c r="AB125" s="97"/>
      <c r="AC125" s="96"/>
      <c r="AD125" s="97"/>
      <c r="AE125" s="97"/>
      <c r="AF125" s="97"/>
      <c r="AG125" s="191"/>
      <c r="AH125" s="124"/>
      <c r="AI125" s="92"/>
      <c r="AJ125" s="92"/>
      <c r="AK125" s="92"/>
      <c r="AL125" s="92"/>
      <c r="AM125" s="92"/>
      <c r="AN125" s="148"/>
      <c r="AO125" s="92"/>
      <c r="AP125" s="92"/>
      <c r="AQ125" s="92"/>
      <c r="AR125" s="92"/>
      <c r="AU125" s="104"/>
    </row>
    <row r="126" spans="1:47" ht="15.95" customHeight="1" x14ac:dyDescent="0.15">
      <c r="A126" s="149"/>
      <c r="B126" s="255"/>
      <c r="C126" s="255"/>
      <c r="D126" s="256"/>
      <c r="E126" s="227"/>
      <c r="F126" s="132"/>
      <c r="G126" s="132"/>
      <c r="H126" s="228"/>
      <c r="I126" s="437" t="s">
        <v>628</v>
      </c>
      <c r="J126" s="438"/>
      <c r="K126" s="438"/>
      <c r="L126" s="439"/>
      <c r="M126" s="108" t="s">
        <v>66</v>
      </c>
      <c r="N126" s="92" t="s">
        <v>601</v>
      </c>
      <c r="O126" s="92"/>
      <c r="P126" s="92"/>
      <c r="R126" s="151"/>
      <c r="S126" s="103"/>
      <c r="T126" s="151"/>
      <c r="U126" s="103"/>
      <c r="V126" s="175" t="s">
        <v>25</v>
      </c>
      <c r="W126" s="479"/>
      <c r="X126" s="479"/>
      <c r="Y126" s="479"/>
      <c r="Z126" s="479"/>
      <c r="AA126" s="479"/>
      <c r="AB126" s="479"/>
      <c r="AC126" s="479"/>
      <c r="AD126" s="103" t="s">
        <v>337</v>
      </c>
      <c r="AE126" s="103"/>
      <c r="AF126" s="103"/>
      <c r="AG126" s="251"/>
      <c r="AH126" s="124"/>
      <c r="AI126" s="92"/>
      <c r="AJ126" s="92"/>
      <c r="AK126" s="92"/>
      <c r="AL126" s="92"/>
      <c r="AM126" s="92"/>
      <c r="AN126" s="146"/>
      <c r="AO126" s="92"/>
      <c r="AP126" s="151"/>
      <c r="AQ126" s="92"/>
      <c r="AU126" s="104"/>
    </row>
    <row r="127" spans="1:47" ht="15.95" customHeight="1" x14ac:dyDescent="0.15">
      <c r="A127" s="149"/>
      <c r="B127" s="255"/>
      <c r="C127" s="255"/>
      <c r="D127" s="256"/>
      <c r="E127" s="227"/>
      <c r="F127" s="132"/>
      <c r="G127" s="132"/>
      <c r="H127" s="228"/>
      <c r="I127" s="449" t="s">
        <v>629</v>
      </c>
      <c r="J127" s="450"/>
      <c r="K127" s="450"/>
      <c r="L127" s="451"/>
      <c r="M127" s="151" t="s">
        <v>54</v>
      </c>
      <c r="N127" s="103" t="s">
        <v>603</v>
      </c>
      <c r="O127" s="103"/>
      <c r="P127" s="124"/>
      <c r="Q127" s="103"/>
      <c r="R127" s="151" t="s">
        <v>7</v>
      </c>
      <c r="S127" s="103" t="s">
        <v>604</v>
      </c>
      <c r="T127" s="124"/>
      <c r="U127" s="103"/>
      <c r="V127" s="151" t="s">
        <v>54</v>
      </c>
      <c r="W127" s="103" t="s">
        <v>605</v>
      </c>
      <c r="X127" s="103"/>
      <c r="Y127" s="103"/>
      <c r="Z127" s="103"/>
      <c r="AA127" s="103"/>
      <c r="AB127" s="103"/>
      <c r="AC127" s="102"/>
      <c r="AD127" s="103"/>
      <c r="AE127" s="103"/>
      <c r="AF127" s="103"/>
      <c r="AG127" s="251"/>
      <c r="AH127" s="121"/>
      <c r="AI127" s="92"/>
      <c r="AJ127" s="92"/>
      <c r="AK127" s="92"/>
      <c r="AL127" s="92"/>
      <c r="AM127" s="92"/>
      <c r="AN127" s="148"/>
      <c r="AP127" s="124"/>
      <c r="AQ127" s="92"/>
      <c r="AU127" s="104"/>
    </row>
    <row r="128" spans="1:47" ht="15.95" customHeight="1" x14ac:dyDescent="0.15">
      <c r="A128" s="149"/>
      <c r="B128" s="255"/>
      <c r="C128" s="255"/>
      <c r="D128" s="256"/>
      <c r="E128" s="227"/>
      <c r="F128" s="132"/>
      <c r="G128" s="132"/>
      <c r="H128" s="228"/>
      <c r="I128" s="461" t="s">
        <v>630</v>
      </c>
      <c r="J128" s="462"/>
      <c r="K128" s="462"/>
      <c r="L128" s="463"/>
      <c r="M128" s="316"/>
      <c r="N128" s="105"/>
      <c r="O128" s="105"/>
      <c r="P128" s="105"/>
      <c r="Q128" s="116"/>
      <c r="R128" s="126"/>
      <c r="S128" s="97"/>
      <c r="T128" s="126"/>
      <c r="U128" s="97"/>
      <c r="V128" s="97"/>
      <c r="W128" s="97"/>
      <c r="X128" s="97"/>
      <c r="Y128" s="97"/>
      <c r="Z128" s="97"/>
      <c r="AA128" s="97"/>
      <c r="AB128" s="97"/>
      <c r="AC128" s="96"/>
      <c r="AD128" s="97"/>
      <c r="AE128" s="97"/>
      <c r="AF128" s="97"/>
      <c r="AG128" s="191"/>
      <c r="AH128" s="115"/>
      <c r="AI128" s="105"/>
      <c r="AJ128" s="105"/>
      <c r="AK128" s="105"/>
      <c r="AL128" s="105"/>
      <c r="AM128" s="105"/>
      <c r="AN128" s="169"/>
      <c r="AO128" s="105"/>
      <c r="AP128" s="96"/>
      <c r="AQ128" s="96"/>
      <c r="AR128" s="96"/>
      <c r="AS128" s="116"/>
      <c r="AT128" s="116"/>
      <c r="AU128" s="106"/>
    </row>
    <row r="129" spans="1:47" ht="15.95" customHeight="1" x14ac:dyDescent="0.15">
      <c r="A129" s="149"/>
      <c r="B129" s="232"/>
      <c r="C129" s="232"/>
      <c r="D129" s="233"/>
      <c r="E129" s="235"/>
      <c r="F129" s="117"/>
      <c r="G129" s="117"/>
      <c r="H129" s="236"/>
      <c r="I129" s="464" t="s">
        <v>631</v>
      </c>
      <c r="J129" s="465"/>
      <c r="K129" s="465"/>
      <c r="L129" s="466"/>
      <c r="M129" s="126" t="s">
        <v>7</v>
      </c>
      <c r="N129" s="105" t="s">
        <v>2</v>
      </c>
      <c r="O129" s="105"/>
      <c r="P129" s="126" t="s">
        <v>54</v>
      </c>
      <c r="Q129" s="105" t="s">
        <v>1</v>
      </c>
      <c r="R129" s="116"/>
      <c r="S129" s="97"/>
      <c r="T129" s="97"/>
      <c r="U129" s="97"/>
      <c r="V129" s="97"/>
      <c r="W129" s="97"/>
      <c r="X129" s="97"/>
      <c r="Y129" s="97"/>
      <c r="Z129" s="97"/>
      <c r="AA129" s="97"/>
      <c r="AB129" s="97"/>
      <c r="AC129" s="96"/>
      <c r="AD129" s="97"/>
      <c r="AE129" s="97"/>
      <c r="AF129" s="97"/>
      <c r="AG129" s="97"/>
      <c r="AH129" s="146" t="s">
        <v>7</v>
      </c>
      <c r="AI129" s="92" t="s">
        <v>363</v>
      </c>
      <c r="AJ129" s="92"/>
      <c r="AK129" s="182"/>
      <c r="AL129" s="182"/>
      <c r="AM129" s="182"/>
      <c r="AN129" s="146"/>
      <c r="AO129" s="92"/>
      <c r="AP129" s="102"/>
      <c r="AQ129" s="102"/>
      <c r="AR129" s="102"/>
      <c r="AU129" s="104"/>
    </row>
    <row r="130" spans="1:47" ht="15.95" customHeight="1" x14ac:dyDescent="0.15">
      <c r="A130" s="149"/>
      <c r="B130" s="232"/>
      <c r="C130" s="232"/>
      <c r="D130" s="232"/>
      <c r="E130" s="437" t="s">
        <v>632</v>
      </c>
      <c r="F130" s="438"/>
      <c r="G130" s="438"/>
      <c r="H130" s="439"/>
      <c r="I130" s="437" t="s">
        <v>632</v>
      </c>
      <c r="J130" s="438"/>
      <c r="K130" s="438"/>
      <c r="L130" s="439"/>
      <c r="M130" s="134" t="s">
        <v>66</v>
      </c>
      <c r="N130" s="98" t="s">
        <v>633</v>
      </c>
      <c r="O130" s="98"/>
      <c r="P130" s="140"/>
      <c r="Q130" s="98" t="s">
        <v>25</v>
      </c>
      <c r="R130" s="140" t="s">
        <v>54</v>
      </c>
      <c r="S130" s="208" t="s">
        <v>634</v>
      </c>
      <c r="T130" s="208"/>
      <c r="U130" s="208"/>
      <c r="V130" s="208"/>
      <c r="W130" s="208"/>
      <c r="X130" s="208"/>
      <c r="Y130" s="208"/>
      <c r="Z130" s="140" t="s">
        <v>7</v>
      </c>
      <c r="AA130" s="208" t="s">
        <v>635</v>
      </c>
      <c r="AB130" s="208"/>
      <c r="AC130" s="206"/>
      <c r="AD130" s="208"/>
      <c r="AE130" s="208"/>
      <c r="AF130" s="208"/>
      <c r="AG130" s="208"/>
      <c r="AH130" s="146" t="s">
        <v>7</v>
      </c>
      <c r="AI130" s="92" t="s">
        <v>278</v>
      </c>
      <c r="AK130" s="182"/>
      <c r="AL130" s="182"/>
      <c r="AM130" s="182"/>
      <c r="AN130" s="146"/>
      <c r="AO130" s="92"/>
      <c r="AP130" s="151"/>
      <c r="AQ130" s="92"/>
      <c r="AU130" s="104"/>
    </row>
    <row r="131" spans="1:47" ht="15.95" customHeight="1" x14ac:dyDescent="0.15">
      <c r="A131" s="149"/>
      <c r="B131" s="232"/>
      <c r="C131" s="232"/>
      <c r="D131" s="232"/>
      <c r="E131" s="227"/>
      <c r="F131" s="132"/>
      <c r="G131" s="132"/>
      <c r="H131" s="228"/>
      <c r="I131" s="556" t="s">
        <v>636</v>
      </c>
      <c r="J131" s="557"/>
      <c r="K131" s="557"/>
      <c r="L131" s="558"/>
      <c r="M131" s="212" t="s">
        <v>66</v>
      </c>
      <c r="N131" s="105" t="s">
        <v>637</v>
      </c>
      <c r="O131" s="105"/>
      <c r="P131" s="126"/>
      <c r="Q131" s="105"/>
      <c r="R131" s="116"/>
      <c r="S131" s="116" t="s">
        <v>25</v>
      </c>
      <c r="T131" s="126" t="s">
        <v>54</v>
      </c>
      <c r="U131" s="97" t="s">
        <v>1</v>
      </c>
      <c r="V131" s="126" t="s">
        <v>7</v>
      </c>
      <c r="W131" s="97" t="s">
        <v>2</v>
      </c>
      <c r="X131" s="97" t="s">
        <v>26</v>
      </c>
      <c r="Y131" s="97"/>
      <c r="Z131" s="97"/>
      <c r="AA131" s="97"/>
      <c r="AB131" s="97"/>
      <c r="AC131" s="96"/>
      <c r="AD131" s="97"/>
      <c r="AE131" s="97"/>
      <c r="AF131" s="97"/>
      <c r="AG131" s="97"/>
      <c r="AH131" s="146" t="s">
        <v>7</v>
      </c>
      <c r="AI131" s="182"/>
      <c r="AJ131" s="182"/>
      <c r="AK131" s="182"/>
      <c r="AL131" s="182"/>
      <c r="AM131" s="182"/>
      <c r="AN131" s="148"/>
      <c r="AP131" s="124"/>
      <c r="AQ131" s="92"/>
      <c r="AU131" s="104"/>
    </row>
    <row r="132" spans="1:47" ht="15.95" customHeight="1" x14ac:dyDescent="0.15">
      <c r="A132" s="149"/>
      <c r="E132" s="149"/>
      <c r="H132" s="104"/>
      <c r="I132" s="437" t="s">
        <v>632</v>
      </c>
      <c r="J132" s="438"/>
      <c r="K132" s="438"/>
      <c r="L132" s="439"/>
      <c r="M132" s="134" t="s">
        <v>66</v>
      </c>
      <c r="N132" s="98" t="s">
        <v>638</v>
      </c>
      <c r="O132" s="114"/>
      <c r="P132" s="114"/>
      <c r="Q132" s="114"/>
      <c r="R132" s="114"/>
      <c r="S132" s="114"/>
      <c r="T132" s="114"/>
      <c r="U132" s="114"/>
      <c r="V132" s="207" t="s">
        <v>25</v>
      </c>
      <c r="W132" s="476"/>
      <c r="X132" s="476"/>
      <c r="Y132" s="476"/>
      <c r="Z132" s="476"/>
      <c r="AA132" s="476"/>
      <c r="AB132" s="476"/>
      <c r="AC132" s="476"/>
      <c r="AD132" s="208" t="s">
        <v>337</v>
      </c>
      <c r="AE132" s="208"/>
      <c r="AF132" s="208"/>
      <c r="AG132" s="208"/>
      <c r="AH132" s="121"/>
      <c r="AN132" s="148"/>
      <c r="AO132" s="92"/>
      <c r="AU132" s="104"/>
    </row>
    <row r="133" spans="1:47" ht="15.95" customHeight="1" x14ac:dyDescent="0.15">
      <c r="A133" s="149"/>
      <c r="E133" s="149"/>
      <c r="H133" s="104"/>
      <c r="I133" s="556" t="s">
        <v>639</v>
      </c>
      <c r="J133" s="557"/>
      <c r="K133" s="557"/>
      <c r="L133" s="558"/>
      <c r="M133" s="116"/>
      <c r="N133" s="116"/>
      <c r="O133" s="116"/>
      <c r="P133" s="116"/>
      <c r="Q133" s="116"/>
      <c r="R133" s="116"/>
      <c r="S133" s="116"/>
      <c r="T133" s="116"/>
      <c r="U133" s="116"/>
      <c r="V133" s="116"/>
      <c r="W133" s="116"/>
      <c r="X133" s="116"/>
      <c r="Y133" s="116"/>
      <c r="Z133" s="116"/>
      <c r="AA133" s="116"/>
      <c r="AB133" s="116"/>
      <c r="AC133" s="116"/>
      <c r="AD133" s="116"/>
      <c r="AE133" s="116"/>
      <c r="AF133" s="116"/>
      <c r="AG133" s="116"/>
      <c r="AH133" s="121"/>
      <c r="AN133" s="148"/>
      <c r="AU133" s="104"/>
    </row>
    <row r="134" spans="1:47" ht="15.95" customHeight="1" x14ac:dyDescent="0.15">
      <c r="A134" s="149"/>
      <c r="E134" s="149"/>
      <c r="H134" s="104"/>
      <c r="I134" s="437" t="s">
        <v>632</v>
      </c>
      <c r="J134" s="438"/>
      <c r="K134" s="438"/>
      <c r="L134" s="439"/>
      <c r="M134" s="134" t="s">
        <v>66</v>
      </c>
      <c r="N134" s="98" t="s">
        <v>640</v>
      </c>
      <c r="U134" s="91" t="s">
        <v>25</v>
      </c>
      <c r="V134" s="476"/>
      <c r="W134" s="476"/>
      <c r="X134" s="476"/>
      <c r="Y134" s="92" t="s">
        <v>120</v>
      </c>
      <c r="Z134" s="92" t="s">
        <v>641</v>
      </c>
      <c r="AA134" s="476"/>
      <c r="AB134" s="476"/>
      <c r="AC134" s="476"/>
      <c r="AD134" s="208" t="s">
        <v>337</v>
      </c>
      <c r="AE134" s="103"/>
      <c r="AF134" s="103"/>
      <c r="AH134" s="121"/>
      <c r="AN134" s="148"/>
      <c r="AU134" s="104"/>
    </row>
    <row r="135" spans="1:47" ht="15.95" customHeight="1" x14ac:dyDescent="0.15">
      <c r="A135" s="149"/>
      <c r="E135" s="149"/>
      <c r="H135" s="104"/>
      <c r="I135" s="461" t="s">
        <v>642</v>
      </c>
      <c r="J135" s="462"/>
      <c r="K135" s="462"/>
      <c r="L135" s="463"/>
      <c r="M135" s="116"/>
      <c r="N135" s="116"/>
      <c r="O135" s="116"/>
      <c r="P135" s="116"/>
      <c r="Q135" s="116"/>
      <c r="R135" s="116"/>
      <c r="S135" s="116"/>
      <c r="T135" s="116"/>
      <c r="U135" s="116"/>
      <c r="V135" s="116"/>
      <c r="W135" s="116"/>
      <c r="X135" s="116"/>
      <c r="Y135" s="116"/>
      <c r="Z135" s="116"/>
      <c r="AA135" s="116"/>
      <c r="AB135" s="116"/>
      <c r="AC135" s="116"/>
      <c r="AD135" s="116"/>
      <c r="AE135" s="116"/>
      <c r="AF135" s="116"/>
      <c r="AG135" s="116"/>
      <c r="AH135" s="121"/>
      <c r="AN135" s="146"/>
      <c r="AO135" s="92"/>
      <c r="AP135" s="151"/>
      <c r="AQ135" s="92"/>
      <c r="AU135" s="104"/>
    </row>
    <row r="136" spans="1:47" ht="15.95" customHeight="1" x14ac:dyDescent="0.15">
      <c r="A136" s="149"/>
      <c r="E136" s="149"/>
      <c r="I136" s="449" t="s">
        <v>607</v>
      </c>
      <c r="J136" s="450"/>
      <c r="K136" s="450"/>
      <c r="L136" s="451"/>
      <c r="M136" s="108" t="s">
        <v>66</v>
      </c>
      <c r="N136" s="92" t="s">
        <v>643</v>
      </c>
      <c r="Y136" s="91" t="s">
        <v>25</v>
      </c>
      <c r="Z136" s="151" t="s">
        <v>54</v>
      </c>
      <c r="AA136" s="103" t="s">
        <v>1</v>
      </c>
      <c r="AB136" s="151" t="s">
        <v>54</v>
      </c>
      <c r="AC136" s="103" t="s">
        <v>2</v>
      </c>
      <c r="AD136" s="103" t="s">
        <v>26</v>
      </c>
      <c r="AE136" s="103"/>
      <c r="AF136" s="103"/>
      <c r="AH136" s="149"/>
      <c r="AN136" s="148"/>
      <c r="AP136" s="124"/>
      <c r="AQ136" s="92"/>
      <c r="AU136" s="104"/>
    </row>
    <row r="137" spans="1:47" ht="15.95" customHeight="1" x14ac:dyDescent="0.15">
      <c r="A137" s="219"/>
      <c r="B137" s="116"/>
      <c r="C137" s="116"/>
      <c r="D137" s="116"/>
      <c r="E137" s="219"/>
      <c r="F137" s="116"/>
      <c r="G137" s="116"/>
      <c r="H137" s="116"/>
      <c r="I137" s="461" t="s">
        <v>644</v>
      </c>
      <c r="J137" s="462"/>
      <c r="K137" s="462"/>
      <c r="L137" s="463"/>
      <c r="M137" s="219" t="s">
        <v>25</v>
      </c>
      <c r="N137" s="126" t="s">
        <v>54</v>
      </c>
      <c r="O137" s="97" t="s">
        <v>1</v>
      </c>
      <c r="P137" s="126" t="s">
        <v>54</v>
      </c>
      <c r="Q137" s="97" t="s">
        <v>2</v>
      </c>
      <c r="R137" s="557" t="s">
        <v>645</v>
      </c>
      <c r="S137" s="557"/>
      <c r="T137" s="557"/>
      <c r="U137" s="557"/>
      <c r="V137" s="557"/>
      <c r="W137" s="557"/>
      <c r="X137" s="557"/>
      <c r="Y137" s="557"/>
      <c r="Z137" s="557"/>
      <c r="AA137" s="557"/>
      <c r="AB137" s="557"/>
      <c r="AC137" s="557"/>
      <c r="AD137" s="557"/>
      <c r="AE137" s="557"/>
      <c r="AF137" s="557"/>
      <c r="AG137" s="558"/>
      <c r="AH137" s="149"/>
      <c r="AN137" s="148"/>
      <c r="AO137" s="92"/>
      <c r="AU137" s="104"/>
    </row>
    <row r="138" spans="1:47" s="328" customFormat="1" ht="15.95" customHeight="1" x14ac:dyDescent="0.15">
      <c r="A138" s="437" t="s">
        <v>319</v>
      </c>
      <c r="B138" s="438"/>
      <c r="C138" s="438"/>
      <c r="D138" s="438"/>
      <c r="E138" s="437" t="s">
        <v>758</v>
      </c>
      <c r="F138" s="438"/>
      <c r="G138" s="438"/>
      <c r="H138" s="438"/>
      <c r="I138" s="437" t="s">
        <v>820</v>
      </c>
      <c r="J138" s="438"/>
      <c r="K138" s="438"/>
      <c r="L138" s="439"/>
      <c r="M138" s="140" t="s">
        <v>7</v>
      </c>
      <c r="N138" s="208" t="s">
        <v>821</v>
      </c>
      <c r="O138" s="98"/>
      <c r="P138" s="98"/>
      <c r="Q138" s="114"/>
      <c r="R138" s="208"/>
      <c r="S138" s="208"/>
      <c r="T138" s="140"/>
      <c r="U138" s="208"/>
      <c r="V138" s="208"/>
      <c r="W138" s="208"/>
      <c r="X138" s="140"/>
      <c r="Y138" s="208"/>
      <c r="Z138" s="208"/>
      <c r="AA138" s="114"/>
      <c r="AB138" s="114"/>
      <c r="AC138" s="206"/>
      <c r="AD138" s="208"/>
      <c r="AE138" s="208"/>
      <c r="AF138" s="114"/>
      <c r="AG138" s="114"/>
      <c r="AH138" s="138"/>
      <c r="AI138" s="98"/>
      <c r="AJ138" s="221"/>
      <c r="AK138" s="221"/>
      <c r="AL138" s="221"/>
      <c r="AM138" s="98"/>
      <c r="AN138" s="141"/>
      <c r="AO138" s="98"/>
      <c r="AP138" s="376"/>
      <c r="AQ138" s="376"/>
      <c r="AR138" s="376"/>
      <c r="AS138" s="376"/>
      <c r="AT138" s="376"/>
      <c r="AU138" s="370"/>
    </row>
    <row r="139" spans="1:47" s="328" customFormat="1" ht="15.95" customHeight="1" x14ac:dyDescent="0.15">
      <c r="A139" s="449" t="s">
        <v>321</v>
      </c>
      <c r="B139" s="450"/>
      <c r="C139" s="450"/>
      <c r="D139" s="450"/>
      <c r="E139" s="449" t="s">
        <v>759</v>
      </c>
      <c r="F139" s="450"/>
      <c r="G139" s="450"/>
      <c r="H139" s="450"/>
      <c r="I139" s="148"/>
      <c r="J139" s="92"/>
      <c r="K139" s="92"/>
      <c r="L139" s="145"/>
      <c r="M139" s="151" t="s">
        <v>7</v>
      </c>
      <c r="N139" s="103" t="s">
        <v>822</v>
      </c>
      <c r="O139" s="103"/>
      <c r="P139" s="92"/>
      <c r="Q139" s="92"/>
      <c r="R139" s="91"/>
      <c r="S139" s="91"/>
      <c r="T139" s="103"/>
      <c r="U139" s="151"/>
      <c r="V139" s="103"/>
      <c r="W139" s="103"/>
      <c r="X139" s="103"/>
      <c r="Y139" s="103"/>
      <c r="Z139" s="103"/>
      <c r="AA139" s="103"/>
      <c r="AB139" s="103"/>
      <c r="AC139" s="102"/>
      <c r="AD139" s="103"/>
      <c r="AE139" s="103"/>
      <c r="AF139" s="91"/>
      <c r="AG139" s="91"/>
      <c r="AH139" s="146"/>
      <c r="AI139" s="92"/>
      <c r="AJ139" s="124"/>
      <c r="AK139" s="124"/>
      <c r="AL139" s="124"/>
      <c r="AM139" s="92"/>
      <c r="AN139" s="148"/>
      <c r="AO139" s="92"/>
      <c r="AU139" s="362"/>
    </row>
    <row r="140" spans="1:47" s="328" customFormat="1" ht="15.95" customHeight="1" x14ac:dyDescent="0.15">
      <c r="A140" s="358"/>
      <c r="B140" s="359"/>
      <c r="C140" s="359"/>
      <c r="D140" s="359"/>
      <c r="E140" s="461" t="s">
        <v>760</v>
      </c>
      <c r="F140" s="462"/>
      <c r="G140" s="462"/>
      <c r="H140" s="462"/>
      <c r="I140" s="169"/>
      <c r="J140" s="105"/>
      <c r="K140" s="105"/>
      <c r="L140" s="170"/>
      <c r="M140" s="126"/>
      <c r="N140" s="126"/>
      <c r="O140" s="97"/>
      <c r="P140" s="105"/>
      <c r="Q140" s="105"/>
      <c r="R140" s="116"/>
      <c r="S140" s="116"/>
      <c r="T140" s="97"/>
      <c r="U140" s="126"/>
      <c r="V140" s="97"/>
      <c r="W140" s="97"/>
      <c r="X140" s="97"/>
      <c r="Y140" s="97"/>
      <c r="Z140" s="97"/>
      <c r="AA140" s="97"/>
      <c r="AB140" s="97"/>
      <c r="AC140" s="96"/>
      <c r="AD140" s="97"/>
      <c r="AE140" s="97"/>
      <c r="AF140" s="116"/>
      <c r="AG140" s="116"/>
      <c r="AH140" s="167"/>
      <c r="AI140" s="105"/>
      <c r="AJ140" s="118"/>
      <c r="AK140" s="118"/>
      <c r="AL140" s="118"/>
      <c r="AM140" s="105"/>
      <c r="AN140" s="169"/>
      <c r="AO140" s="105"/>
      <c r="AP140" s="359"/>
      <c r="AQ140" s="359"/>
      <c r="AR140" s="359"/>
      <c r="AS140" s="359"/>
      <c r="AT140" s="359"/>
      <c r="AU140" s="372"/>
    </row>
    <row r="141" spans="1:47" ht="15.95" customHeight="1" x14ac:dyDescent="0.15">
      <c r="A141" s="91" t="s">
        <v>743</v>
      </c>
      <c r="N141" s="92"/>
      <c r="O141" s="92"/>
      <c r="P141" s="92"/>
      <c r="Q141" s="92"/>
      <c r="R141" s="92"/>
      <c r="S141" s="92"/>
      <c r="T141" s="92"/>
      <c r="U141" s="92"/>
      <c r="V141" s="92"/>
      <c r="W141" s="92"/>
      <c r="X141" s="92"/>
      <c r="Y141" s="92"/>
      <c r="Z141" s="92"/>
      <c r="AA141" s="92"/>
      <c r="AB141" s="92"/>
      <c r="AC141" s="92"/>
      <c r="AD141" s="92"/>
      <c r="AE141" s="92"/>
      <c r="AF141" s="92"/>
      <c r="AG141" s="92"/>
      <c r="AH141" s="92"/>
      <c r="AI141" s="92"/>
      <c r="AJ141" s="92"/>
      <c r="AK141" s="92"/>
      <c r="AL141" s="92"/>
      <c r="AM141" s="92"/>
      <c r="AN141" s="92"/>
      <c r="AO141" s="92"/>
      <c r="AP141" s="92"/>
      <c r="AQ141" s="92"/>
      <c r="AR141" s="92"/>
      <c r="AS141" s="92"/>
      <c r="AT141" s="92"/>
      <c r="AU141" s="92"/>
    </row>
    <row r="142" spans="1:47" ht="15.95" customHeight="1" x14ac:dyDescent="0.15"/>
    <row r="143" spans="1:47" ht="15.95" customHeight="1" x14ac:dyDescent="0.15"/>
    <row r="144" spans="1:47"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sheetData>
  <mergeCells count="173">
    <mergeCell ref="AN56:AU57"/>
    <mergeCell ref="A138:D138"/>
    <mergeCell ref="E138:H138"/>
    <mergeCell ref="I138:L138"/>
    <mergeCell ref="A139:D139"/>
    <mergeCell ref="E139:H139"/>
    <mergeCell ref="E140:H140"/>
    <mergeCell ref="I134:L134"/>
    <mergeCell ref="V134:X134"/>
    <mergeCell ref="AA134:AC134"/>
    <mergeCell ref="I135:L135"/>
    <mergeCell ref="I136:L136"/>
    <mergeCell ref="I137:L137"/>
    <mergeCell ref="R137:AG137"/>
    <mergeCell ref="E130:H130"/>
    <mergeCell ref="I130:L130"/>
    <mergeCell ref="I131:L131"/>
    <mergeCell ref="I132:L132"/>
    <mergeCell ref="W132:AC132"/>
    <mergeCell ref="I133:L133"/>
    <mergeCell ref="I125:L125"/>
    <mergeCell ref="I126:L126"/>
    <mergeCell ref="W126:AC126"/>
    <mergeCell ref="I127:L127"/>
    <mergeCell ref="I128:L128"/>
    <mergeCell ref="I129:L129"/>
    <mergeCell ref="B115:D117"/>
    <mergeCell ref="I115:L115"/>
    <mergeCell ref="E116:H116"/>
    <mergeCell ref="Q116:S116"/>
    <mergeCell ref="Z116:AB116"/>
    <mergeCell ref="I124:L124"/>
    <mergeCell ref="A112:D112"/>
    <mergeCell ref="I112:L112"/>
    <mergeCell ref="A113:D113"/>
    <mergeCell ref="I113:L113"/>
    <mergeCell ref="W113:AC113"/>
    <mergeCell ref="I114:L114"/>
    <mergeCell ref="I106:L106"/>
    <mergeCell ref="I107:L107"/>
    <mergeCell ref="I108:L108"/>
    <mergeCell ref="N110:AE110"/>
    <mergeCell ref="A111:D111"/>
    <mergeCell ref="E111:H111"/>
    <mergeCell ref="I111:L111"/>
    <mergeCell ref="Q111:W111"/>
    <mergeCell ref="I99:L99"/>
    <mergeCell ref="I100:L100"/>
    <mergeCell ref="I101:L101"/>
    <mergeCell ref="I103:L103"/>
    <mergeCell ref="I104:L104"/>
    <mergeCell ref="I105:L105"/>
    <mergeCell ref="I94:L94"/>
    <mergeCell ref="A95:D96"/>
    <mergeCell ref="I95:L95"/>
    <mergeCell ref="I96:L96"/>
    <mergeCell ref="B97:D98"/>
    <mergeCell ref="I97:L97"/>
    <mergeCell ref="A91:D91"/>
    <mergeCell ref="I91:L91"/>
    <mergeCell ref="A92:D92"/>
    <mergeCell ref="I92:L92"/>
    <mergeCell ref="A93:D93"/>
    <mergeCell ref="I93:L93"/>
    <mergeCell ref="E86:H86"/>
    <mergeCell ref="I86:L86"/>
    <mergeCell ref="E87:H87"/>
    <mergeCell ref="A90:D90"/>
    <mergeCell ref="E90:H90"/>
    <mergeCell ref="I90:L90"/>
    <mergeCell ref="I83:L83"/>
    <mergeCell ref="E84:H84"/>
    <mergeCell ref="I84:L84"/>
    <mergeCell ref="E85:H85"/>
    <mergeCell ref="I85:L85"/>
    <mergeCell ref="N79:O79"/>
    <mergeCell ref="Q79:AA79"/>
    <mergeCell ref="R80:AA80"/>
    <mergeCell ref="E81:H81"/>
    <mergeCell ref="I81:L81"/>
    <mergeCell ref="I82:L82"/>
    <mergeCell ref="O75:P75"/>
    <mergeCell ref="S75:W75"/>
    <mergeCell ref="E76:H78"/>
    <mergeCell ref="I76:L76"/>
    <mergeCell ref="T76:AA76"/>
    <mergeCell ref="I77:L77"/>
    <mergeCell ref="Q77:AA77"/>
    <mergeCell ref="I78:L78"/>
    <mergeCell ref="I69:L69"/>
    <mergeCell ref="N69:P69"/>
    <mergeCell ref="N70:P70"/>
    <mergeCell ref="S70:W70"/>
    <mergeCell ref="N73:P73"/>
    <mergeCell ref="N74:P74"/>
    <mergeCell ref="B66:D68"/>
    <mergeCell ref="E66:H66"/>
    <mergeCell ref="I66:L66"/>
    <mergeCell ref="I67:L67"/>
    <mergeCell ref="I68:L68"/>
    <mergeCell ref="N68:P68"/>
    <mergeCell ref="A61:D61"/>
    <mergeCell ref="A62:D62"/>
    <mergeCell ref="E62:H62"/>
    <mergeCell ref="I62:L62"/>
    <mergeCell ref="A63:D65"/>
    <mergeCell ref="I63:L63"/>
    <mergeCell ref="I64:L64"/>
    <mergeCell ref="A58:D58"/>
    <mergeCell ref="E58:H58"/>
    <mergeCell ref="I58:L58"/>
    <mergeCell ref="A59:D59"/>
    <mergeCell ref="I59:L59"/>
    <mergeCell ref="A60:D60"/>
    <mergeCell ref="I60:L60"/>
    <mergeCell ref="A56:D57"/>
    <mergeCell ref="E56:H56"/>
    <mergeCell ref="I56:AG56"/>
    <mergeCell ref="AH56:AM57"/>
    <mergeCell ref="E57:H57"/>
    <mergeCell ref="I57:L57"/>
    <mergeCell ref="M57:AG57"/>
    <mergeCell ref="E38:H38"/>
    <mergeCell ref="B39:D44"/>
    <mergeCell ref="E39:H39"/>
    <mergeCell ref="E52:H52"/>
    <mergeCell ref="I52:L52"/>
    <mergeCell ref="I54:L54"/>
    <mergeCell ref="I53:L53"/>
    <mergeCell ref="E30:H30"/>
    <mergeCell ref="E32:H32"/>
    <mergeCell ref="E34:H34"/>
    <mergeCell ref="I34:L34"/>
    <mergeCell ref="I36:L36"/>
    <mergeCell ref="A37:D37"/>
    <mergeCell ref="E37:H37"/>
    <mergeCell ref="I37:L37"/>
    <mergeCell ref="I22:L22"/>
    <mergeCell ref="I35:L35"/>
    <mergeCell ref="T22:X22"/>
    <mergeCell ref="I23:L23"/>
    <mergeCell ref="T23:X23"/>
    <mergeCell ref="I24:L24"/>
    <mergeCell ref="I25:L25"/>
    <mergeCell ref="AA16:AC16"/>
    <mergeCell ref="I17:L17"/>
    <mergeCell ref="U18:V18"/>
    <mergeCell ref="I19:L19"/>
    <mergeCell ref="I21:L21"/>
    <mergeCell ref="T21:X21"/>
    <mergeCell ref="V10:W10"/>
    <mergeCell ref="AB10:AC10"/>
    <mergeCell ref="V11:W11"/>
    <mergeCell ref="AB11:AC11"/>
    <mergeCell ref="AB13:AC13"/>
    <mergeCell ref="AB14:AC14"/>
    <mergeCell ref="A6:D6"/>
    <mergeCell ref="B8:D13"/>
    <mergeCell ref="E9:H9"/>
    <mergeCell ref="I9:L9"/>
    <mergeCell ref="E10:H10"/>
    <mergeCell ref="I10:L10"/>
    <mergeCell ref="E4:H4"/>
    <mergeCell ref="I4:L4"/>
    <mergeCell ref="M4:AG4"/>
    <mergeCell ref="A5:D5"/>
    <mergeCell ref="E5:H5"/>
    <mergeCell ref="I5:L5"/>
    <mergeCell ref="AN3:AU4"/>
    <mergeCell ref="A3:D4"/>
    <mergeCell ref="E3:H3"/>
    <mergeCell ref="I3:AG3"/>
    <mergeCell ref="AH3:AM4"/>
  </mergeCells>
  <phoneticPr fontId="20"/>
  <dataValidations count="1">
    <dataValidation type="list" allowBlank="1" showInputMessage="1" showErrorMessage="1" sqref="AL8:AL10 AH5:AH6 T9 Y9 P10 Q11 R13 S14 AC13 AC16 AC18 T17 AL5:AL6 N20 AH19:AH22 AH24:AH25 AP9 N39:N41 A8 J2 AH58:AH59 A39 A97 AL58:AL59 R15:R16 W15:W16 AN5 M7:M8 Z17 M18 AL61:AL63 AH76:AH77 AL76:AL77 AP76 AL84:AL85 AP58 M58:M65 Q58:Q64 O67 U67 X67 V75 O75 M76:M78 N80 AH62:AH63 AL69 AN62 AP66 A66 M30:M35 AH138:AH140 M37 AH81:AH83 S70:S72 V70:V72 S75 M138:M139 AA34:AA36 AA68:AA70 M88:M89 AP81 AA73:AA75 AD73:AD75 AD68:AD70 AL40 M5 O6 S6 W6 AH9:AH10 AL12 AL65:AL67 O46:O48 AL37:AL38 N44 M42:M43 T58:T64 AH66:AH70 AP62 AL79:AL82 N137 AA52:AA54 AH90:AH91 X52:X54 M94:M97 AH93:AH94 O50:O51 X34:X36 O71:O72 M109:M110 AH96:AH97 AH107:AH108 M52:M53 M81 AL88:AL91 AL93 AP96 AN107 AP107 AP37 AH37:AH38 N55 AN9 AN37 AN58 AN66 AN76 AN81 AN90 AP90 AN93 AP93 AN96 M102:M103 M105:M107 M99 Y96 AH99:AH100 AH103:AH104 AP99 AN99 AP103 AN103 M127 Y122:Y123 P129:P131 V114 M114 R114 V131 R119 T119 O121 V121 Z121 W122:W123 T128 T124:T126 R124:R128 V127 M129 R130 Z130 T131 AH111:AH117 AH129:AH131 A115 Z136 AB136 AP126 AN129:AN130 AP135 AP130 AN126 AN135 AN111 AN116 P137 U90 S90 U93 S93 AH2 M84:M86">
      <formula1>"□,■"</formula1>
    </dataValidation>
  </dataValidations>
  <pageMargins left="0.39370078740157483" right="0.19685039370078741" top="0.19685039370078741" bottom="0.19685039370078741" header="0.39370078740157483" footer="0.39370078740157483"/>
  <pageSetup paperSize="9" scale="69" orientation="portrait" horizontalDpi="300" verticalDpi="300" r:id="rId1"/>
  <rowBreaks count="2" manualBreakCount="2">
    <brk id="55" max="46" man="1"/>
    <brk id="110" max="46" man="1"/>
  </row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272"/>
  <sheetViews>
    <sheetView showGridLines="0" view="pageBreakPreview" zoomScale="85" zoomScaleNormal="70" zoomScaleSheetLayoutView="85" workbookViewId="0"/>
  </sheetViews>
  <sheetFormatPr defaultRowHeight="12" x14ac:dyDescent="0.15"/>
  <cols>
    <col min="1" max="42" width="2.625" style="91" customWidth="1"/>
    <col min="43" max="16384" width="9" style="91"/>
  </cols>
  <sheetData>
    <row r="1" spans="1:42" ht="30" customHeight="1" x14ac:dyDescent="0.15">
      <c r="A1" s="87" t="s">
        <v>661</v>
      </c>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M1" s="88"/>
      <c r="AP1" s="261" t="s">
        <v>268</v>
      </c>
    </row>
    <row r="2" spans="1:42" ht="17.25" customHeight="1" x14ac:dyDescent="0.15">
      <c r="A2" s="559" t="s">
        <v>824</v>
      </c>
      <c r="B2" s="560"/>
      <c r="C2" s="560"/>
      <c r="D2" s="560"/>
      <c r="E2" s="560"/>
      <c r="F2" s="560"/>
      <c r="G2" s="560"/>
      <c r="H2" s="560"/>
      <c r="I2" s="560"/>
      <c r="J2" s="560"/>
      <c r="K2" s="560"/>
      <c r="L2" s="560"/>
      <c r="M2" s="561"/>
      <c r="N2" s="627"/>
      <c r="O2" s="627"/>
      <c r="P2" s="627"/>
      <c r="Q2" s="627"/>
      <c r="R2" s="627"/>
      <c r="S2" s="627"/>
      <c r="T2" s="627"/>
      <c r="U2" s="627"/>
      <c r="V2" s="627"/>
      <c r="W2" s="627"/>
      <c r="X2" s="627"/>
      <c r="Y2" s="627"/>
      <c r="Z2" s="627"/>
      <c r="AA2" s="627"/>
      <c r="AB2" s="627"/>
      <c r="AC2" s="627"/>
      <c r="AD2" s="627"/>
      <c r="AE2" s="627"/>
      <c r="AF2" s="627"/>
      <c r="AG2" s="627"/>
      <c r="AH2" s="627"/>
      <c r="AI2" s="627"/>
      <c r="AJ2" s="627"/>
      <c r="AK2" s="627"/>
      <c r="AL2" s="627"/>
      <c r="AM2" s="627"/>
      <c r="AN2" s="627"/>
      <c r="AO2" s="627"/>
      <c r="AP2" s="627"/>
    </row>
    <row r="3" spans="1:42" s="328" customFormat="1" ht="15" customHeight="1" x14ac:dyDescent="0.15">
      <c r="A3" s="565" t="s">
        <v>3</v>
      </c>
      <c r="B3" s="566"/>
      <c r="C3" s="566"/>
      <c r="D3" s="566"/>
      <c r="E3" s="566"/>
      <c r="F3" s="566"/>
      <c r="G3" s="566"/>
      <c r="H3" s="566"/>
      <c r="I3" s="566"/>
      <c r="J3" s="566"/>
      <c r="K3" s="566"/>
      <c r="L3" s="566"/>
      <c r="M3" s="567"/>
      <c r="N3" s="628"/>
      <c r="O3" s="628"/>
      <c r="P3" s="628"/>
      <c r="Q3" s="628"/>
      <c r="R3" s="628"/>
      <c r="S3" s="628"/>
      <c r="T3" s="628"/>
      <c r="U3" s="628"/>
      <c r="V3" s="628"/>
      <c r="W3" s="628"/>
      <c r="X3" s="628"/>
      <c r="Y3" s="628"/>
      <c r="Z3" s="628"/>
      <c r="AA3" s="628"/>
      <c r="AB3" s="628"/>
      <c r="AC3" s="628"/>
      <c r="AD3" s="628"/>
      <c r="AE3" s="628"/>
      <c r="AF3" s="628"/>
      <c r="AG3" s="628"/>
      <c r="AH3" s="628"/>
      <c r="AI3" s="628"/>
      <c r="AJ3" s="628"/>
      <c r="AK3" s="628"/>
      <c r="AL3" s="628"/>
      <c r="AM3" s="628"/>
      <c r="AN3" s="628"/>
      <c r="AO3" s="628"/>
      <c r="AP3" s="628"/>
    </row>
    <row r="4" spans="1:42" s="328" customFormat="1" ht="15" customHeight="1" x14ac:dyDescent="0.15">
      <c r="A4" s="571" t="s">
        <v>4</v>
      </c>
      <c r="B4" s="572"/>
      <c r="C4" s="572"/>
      <c r="D4" s="572"/>
      <c r="E4" s="572"/>
      <c r="F4" s="572"/>
      <c r="G4" s="572"/>
      <c r="H4" s="572"/>
      <c r="I4" s="572"/>
      <c r="J4" s="572"/>
      <c r="K4" s="572"/>
      <c r="L4" s="572"/>
      <c r="M4" s="573"/>
      <c r="N4" s="628"/>
      <c r="O4" s="628"/>
      <c r="P4" s="628"/>
      <c r="Q4" s="628"/>
      <c r="R4" s="628"/>
      <c r="S4" s="628"/>
      <c r="T4" s="628"/>
      <c r="U4" s="628"/>
      <c r="V4" s="628"/>
      <c r="W4" s="628"/>
      <c r="X4" s="628"/>
      <c r="Y4" s="628"/>
      <c r="Z4" s="628"/>
      <c r="AA4" s="628"/>
      <c r="AB4" s="628"/>
      <c r="AC4" s="628"/>
      <c r="AD4" s="628"/>
      <c r="AE4" s="628"/>
      <c r="AF4" s="628"/>
      <c r="AG4" s="628"/>
      <c r="AH4" s="628"/>
      <c r="AI4" s="628"/>
      <c r="AJ4" s="628"/>
      <c r="AK4" s="628"/>
      <c r="AL4" s="628"/>
      <c r="AM4" s="628"/>
      <c r="AN4" s="628"/>
      <c r="AO4" s="628"/>
      <c r="AP4" s="628"/>
    </row>
    <row r="5" spans="1:42" s="328" customFormat="1" ht="15" customHeight="1" x14ac:dyDescent="0.15">
      <c r="A5" s="565" t="s">
        <v>29</v>
      </c>
      <c r="B5" s="566"/>
      <c r="C5" s="566"/>
      <c r="D5" s="566"/>
      <c r="E5" s="566"/>
      <c r="F5" s="566"/>
      <c r="G5" s="566"/>
      <c r="H5" s="566"/>
      <c r="I5" s="566"/>
      <c r="J5" s="566"/>
      <c r="K5" s="566"/>
      <c r="L5" s="566"/>
      <c r="M5" s="567"/>
      <c r="N5" s="380"/>
      <c r="O5" s="381"/>
      <c r="P5" s="381"/>
      <c r="Q5" s="381"/>
      <c r="R5" s="381"/>
      <c r="S5" s="381"/>
      <c r="T5" s="381"/>
      <c r="U5" s="381"/>
      <c r="V5" s="381"/>
      <c r="W5" s="381"/>
      <c r="X5" s="381"/>
      <c r="Y5" s="381"/>
      <c r="Z5" s="381"/>
      <c r="AA5" s="381"/>
      <c r="AB5" s="629" t="s">
        <v>840</v>
      </c>
      <c r="AC5" s="630"/>
      <c r="AD5" s="630"/>
      <c r="AE5" s="630"/>
      <c r="AF5" s="630"/>
      <c r="AG5" s="630"/>
      <c r="AH5" s="630"/>
      <c r="AI5" s="631"/>
      <c r="AJ5" s="380"/>
      <c r="AK5" s="381"/>
      <c r="AL5" s="381"/>
      <c r="AM5" s="381"/>
      <c r="AN5" s="381"/>
      <c r="AO5" s="381"/>
      <c r="AP5" s="382"/>
    </row>
    <row r="6" spans="1:42" s="328" customFormat="1" ht="15" customHeight="1" x14ac:dyDescent="0.15">
      <c r="A6" s="565" t="s">
        <v>5</v>
      </c>
      <c r="B6" s="566"/>
      <c r="C6" s="566"/>
      <c r="D6" s="566"/>
      <c r="E6" s="566"/>
      <c r="F6" s="566"/>
      <c r="G6" s="566"/>
      <c r="H6" s="566"/>
      <c r="I6" s="566"/>
      <c r="J6" s="566"/>
      <c r="K6" s="566"/>
      <c r="L6" s="566"/>
      <c r="M6" s="567"/>
      <c r="N6" s="628"/>
      <c r="O6" s="628"/>
      <c r="P6" s="628"/>
      <c r="Q6" s="628"/>
      <c r="R6" s="628"/>
      <c r="S6" s="628"/>
      <c r="T6" s="628"/>
      <c r="U6" s="628"/>
      <c r="V6" s="628"/>
      <c r="W6" s="628"/>
      <c r="X6" s="628"/>
      <c r="Y6" s="628"/>
      <c r="Z6" s="628"/>
      <c r="AA6" s="628"/>
      <c r="AB6" s="628"/>
      <c r="AC6" s="628"/>
      <c r="AD6" s="628"/>
      <c r="AE6" s="628"/>
      <c r="AF6" s="628"/>
      <c r="AG6" s="628"/>
      <c r="AH6" s="628"/>
      <c r="AI6" s="628"/>
      <c r="AJ6" s="628"/>
      <c r="AK6" s="628"/>
      <c r="AL6" s="628"/>
      <c r="AM6" s="628"/>
      <c r="AN6" s="628"/>
      <c r="AO6" s="628"/>
      <c r="AP6" s="628"/>
    </row>
    <row r="7" spans="1:42" ht="15.75" customHeight="1" x14ac:dyDescent="0.15">
      <c r="B7" s="88"/>
      <c r="C7" s="88"/>
      <c r="D7" s="88"/>
      <c r="E7" s="88"/>
      <c r="F7" s="89"/>
      <c r="G7" s="89"/>
      <c r="H7" s="89"/>
      <c r="I7" s="88"/>
      <c r="J7" s="88"/>
      <c r="K7" s="88"/>
      <c r="L7" s="88"/>
      <c r="M7" s="88"/>
      <c r="N7" s="88"/>
      <c r="O7" s="88"/>
      <c r="P7" s="88"/>
      <c r="Q7" s="88"/>
      <c r="R7" s="88"/>
      <c r="S7" s="88"/>
      <c r="T7" s="88"/>
      <c r="U7" s="88"/>
      <c r="V7" s="88"/>
      <c r="W7" s="88"/>
      <c r="X7" s="88"/>
      <c r="Y7" s="88"/>
      <c r="Z7" s="88"/>
      <c r="AA7" s="88"/>
      <c r="AB7" s="88"/>
      <c r="AC7" s="88"/>
      <c r="AD7" s="88"/>
      <c r="AE7" s="88"/>
      <c r="AF7" s="88"/>
      <c r="AG7" s="88"/>
      <c r="AH7" s="88"/>
      <c r="AI7" s="88"/>
      <c r="AJ7" s="88"/>
      <c r="AK7" s="88"/>
      <c r="AL7" s="88"/>
      <c r="AM7" s="88"/>
    </row>
    <row r="8" spans="1:42" ht="15.95" customHeight="1" x14ac:dyDescent="0.15">
      <c r="A8" s="452" t="s">
        <v>55</v>
      </c>
      <c r="B8" s="453"/>
      <c r="C8" s="453"/>
      <c r="D8" s="453"/>
      <c r="E8" s="437" t="s">
        <v>56</v>
      </c>
      <c r="F8" s="438"/>
      <c r="G8" s="438"/>
      <c r="H8" s="439"/>
      <c r="I8" s="459" t="s">
        <v>774</v>
      </c>
      <c r="J8" s="459"/>
      <c r="K8" s="459"/>
      <c r="L8" s="459"/>
      <c r="M8" s="459"/>
      <c r="N8" s="459"/>
      <c r="O8" s="459"/>
      <c r="P8" s="459"/>
      <c r="Q8" s="459"/>
      <c r="R8" s="459"/>
      <c r="S8" s="459"/>
      <c r="T8" s="459"/>
      <c r="U8" s="459"/>
      <c r="V8" s="459"/>
      <c r="W8" s="459"/>
      <c r="X8" s="459"/>
      <c r="Y8" s="459"/>
      <c r="Z8" s="459"/>
      <c r="AA8" s="459"/>
      <c r="AB8" s="459"/>
      <c r="AC8" s="459"/>
      <c r="AD8" s="459"/>
      <c r="AE8" s="459"/>
      <c r="AF8" s="459"/>
      <c r="AG8" s="459"/>
      <c r="AH8" s="452" t="s">
        <v>59</v>
      </c>
      <c r="AI8" s="453"/>
      <c r="AJ8" s="453"/>
      <c r="AK8" s="453"/>
      <c r="AL8" s="453"/>
      <c r="AM8" s="454"/>
      <c r="AN8" s="453" t="s">
        <v>60</v>
      </c>
      <c r="AO8" s="453"/>
      <c r="AP8" s="454"/>
    </row>
    <row r="9" spans="1:42" ht="15.95" customHeight="1" x14ac:dyDescent="0.15">
      <c r="A9" s="455"/>
      <c r="B9" s="456"/>
      <c r="C9" s="456"/>
      <c r="D9" s="456"/>
      <c r="E9" s="461" t="s">
        <v>61</v>
      </c>
      <c r="F9" s="462"/>
      <c r="G9" s="462"/>
      <c r="H9" s="463"/>
      <c r="I9" s="465" t="s">
        <v>61</v>
      </c>
      <c r="J9" s="465"/>
      <c r="K9" s="465"/>
      <c r="L9" s="466"/>
      <c r="M9" s="458" t="s">
        <v>60</v>
      </c>
      <c r="N9" s="459"/>
      <c r="O9" s="459"/>
      <c r="P9" s="459"/>
      <c r="Q9" s="459"/>
      <c r="R9" s="459"/>
      <c r="S9" s="459"/>
      <c r="T9" s="459"/>
      <c r="U9" s="459"/>
      <c r="V9" s="459"/>
      <c r="W9" s="459"/>
      <c r="X9" s="459"/>
      <c r="Y9" s="459"/>
      <c r="Z9" s="459"/>
      <c r="AA9" s="459"/>
      <c r="AB9" s="459"/>
      <c r="AC9" s="459"/>
      <c r="AD9" s="459"/>
      <c r="AE9" s="459"/>
      <c r="AF9" s="459"/>
      <c r="AG9" s="459"/>
      <c r="AH9" s="455"/>
      <c r="AI9" s="456"/>
      <c r="AJ9" s="456"/>
      <c r="AK9" s="456"/>
      <c r="AL9" s="456"/>
      <c r="AM9" s="457"/>
      <c r="AN9" s="456" t="s">
        <v>62</v>
      </c>
      <c r="AO9" s="456"/>
      <c r="AP9" s="457"/>
    </row>
    <row r="10" spans="1:42" ht="15.95" customHeight="1" x14ac:dyDescent="0.15">
      <c r="A10" s="437" t="s">
        <v>269</v>
      </c>
      <c r="B10" s="438"/>
      <c r="C10" s="438"/>
      <c r="D10" s="439"/>
      <c r="E10" s="309"/>
      <c r="F10" s="269"/>
      <c r="G10" s="269"/>
      <c r="H10" s="270"/>
      <c r="I10" s="310"/>
      <c r="J10" s="221"/>
      <c r="K10" s="221"/>
      <c r="L10" s="209"/>
      <c r="M10" s="134" t="s">
        <v>66</v>
      </c>
      <c r="N10" s="208" t="s">
        <v>588</v>
      </c>
      <c r="O10" s="208"/>
      <c r="P10" s="208"/>
      <c r="Q10" s="114"/>
      <c r="R10" s="208"/>
      <c r="S10" s="208"/>
      <c r="T10" s="208"/>
      <c r="U10" s="208"/>
      <c r="V10" s="208" t="s">
        <v>25</v>
      </c>
      <c r="W10" s="208"/>
      <c r="X10" s="208"/>
      <c r="Y10" s="453"/>
      <c r="Z10" s="453"/>
      <c r="AA10" s="453"/>
      <c r="AB10" s="453"/>
      <c r="AC10" s="98" t="s">
        <v>337</v>
      </c>
      <c r="AD10" s="206"/>
      <c r="AE10" s="206"/>
      <c r="AF10" s="206"/>
      <c r="AG10" s="262"/>
      <c r="AH10" s="140" t="s">
        <v>7</v>
      </c>
      <c r="AI10" s="92" t="s">
        <v>122</v>
      </c>
      <c r="AJ10" s="98"/>
      <c r="AK10" s="98"/>
      <c r="AL10" s="98"/>
      <c r="AM10" s="98"/>
      <c r="AN10" s="263"/>
      <c r="AO10" s="114"/>
      <c r="AP10" s="99"/>
    </row>
    <row r="11" spans="1:42" ht="15.95" customHeight="1" x14ac:dyDescent="0.15">
      <c r="A11" s="149"/>
      <c r="E11" s="250"/>
      <c r="F11" s="232"/>
      <c r="G11" s="232"/>
      <c r="H11" s="233"/>
      <c r="I11" s="121"/>
      <c r="J11" s="124"/>
      <c r="K11" s="124"/>
      <c r="L11" s="157"/>
      <c r="M11" s="155" t="s">
        <v>66</v>
      </c>
      <c r="N11" s="103" t="s">
        <v>589</v>
      </c>
      <c r="O11" s="103"/>
      <c r="P11" s="103"/>
      <c r="R11" s="103"/>
      <c r="S11" s="103"/>
      <c r="T11" s="103"/>
      <c r="U11" s="103"/>
      <c r="V11" s="103" t="s">
        <v>25</v>
      </c>
      <c r="W11" s="103"/>
      <c r="X11" s="103"/>
      <c r="Y11" s="431"/>
      <c r="Z11" s="431"/>
      <c r="AA11" s="431"/>
      <c r="AB11" s="431"/>
      <c r="AC11" s="92" t="s">
        <v>337</v>
      </c>
      <c r="AD11" s="102"/>
      <c r="AE11" s="102"/>
      <c r="AF11" s="102"/>
      <c r="AG11" s="251"/>
      <c r="AH11" s="151" t="s">
        <v>7</v>
      </c>
      <c r="AI11" s="92"/>
      <c r="AJ11" s="92"/>
      <c r="AK11" s="92"/>
      <c r="AL11" s="92"/>
      <c r="AM11" s="92"/>
      <c r="AN11" s="149"/>
      <c r="AP11" s="104"/>
    </row>
    <row r="12" spans="1:42" ht="15.95" customHeight="1" x14ac:dyDescent="0.15">
      <c r="A12" s="219"/>
      <c r="B12" s="116"/>
      <c r="C12" s="116"/>
      <c r="D12" s="116"/>
      <c r="E12" s="275"/>
      <c r="F12" s="276"/>
      <c r="G12" s="276"/>
      <c r="H12" s="277"/>
      <c r="I12" s="115"/>
      <c r="J12" s="118"/>
      <c r="K12" s="118"/>
      <c r="L12" s="216"/>
      <c r="M12" s="212"/>
      <c r="N12" s="97"/>
      <c r="O12" s="97"/>
      <c r="P12" s="97"/>
      <c r="Q12" s="116"/>
      <c r="R12" s="97"/>
      <c r="S12" s="97"/>
      <c r="T12" s="97"/>
      <c r="U12" s="97"/>
      <c r="V12" s="97"/>
      <c r="W12" s="97"/>
      <c r="X12" s="97"/>
      <c r="Y12" s="97"/>
      <c r="Z12" s="97"/>
      <c r="AA12" s="97"/>
      <c r="AB12" s="287"/>
      <c r="AC12" s="105"/>
      <c r="AD12" s="96"/>
      <c r="AE12" s="96"/>
      <c r="AF12" s="96"/>
      <c r="AG12" s="191"/>
      <c r="AH12" s="126" t="s">
        <v>7</v>
      </c>
      <c r="AI12" s="105"/>
      <c r="AJ12" s="105"/>
      <c r="AK12" s="105"/>
      <c r="AL12" s="105"/>
      <c r="AM12" s="105"/>
      <c r="AN12" s="219"/>
      <c r="AO12" s="116"/>
      <c r="AP12" s="106"/>
    </row>
    <row r="13" spans="1:42" ht="15.95" customHeight="1" x14ac:dyDescent="0.15">
      <c r="A13" s="449" t="s">
        <v>271</v>
      </c>
      <c r="B13" s="450"/>
      <c r="C13" s="450"/>
      <c r="D13" s="451"/>
      <c r="E13" s="449" t="s">
        <v>272</v>
      </c>
      <c r="F13" s="450"/>
      <c r="G13" s="450"/>
      <c r="H13" s="451"/>
      <c r="I13" s="449" t="s">
        <v>130</v>
      </c>
      <c r="J13" s="450"/>
      <c r="K13" s="450"/>
      <c r="L13" s="451"/>
      <c r="M13" s="151" t="s">
        <v>54</v>
      </c>
      <c r="N13" s="103" t="s">
        <v>273</v>
      </c>
      <c r="O13" s="103"/>
      <c r="P13" s="175" t="s">
        <v>25</v>
      </c>
      <c r="Q13" s="151" t="s">
        <v>7</v>
      </c>
      <c r="R13" s="92" t="s">
        <v>1</v>
      </c>
      <c r="S13" s="103"/>
      <c r="T13" s="151" t="s">
        <v>54</v>
      </c>
      <c r="U13" s="92" t="s">
        <v>274</v>
      </c>
      <c r="V13" s="103"/>
      <c r="W13" s="92"/>
      <c r="X13" s="92"/>
      <c r="Y13" s="102"/>
      <c r="Z13" s="92"/>
      <c r="AA13" s="92"/>
      <c r="AB13" s="92"/>
      <c r="AC13" s="92"/>
      <c r="AD13" s="175"/>
      <c r="AE13" s="175"/>
      <c r="AF13" s="175"/>
      <c r="AG13" s="251" t="s">
        <v>26</v>
      </c>
      <c r="AH13" s="151" t="s">
        <v>7</v>
      </c>
      <c r="AI13" s="92" t="s">
        <v>69</v>
      </c>
      <c r="AJ13" s="92"/>
      <c r="AK13" s="92"/>
      <c r="AL13" s="92"/>
      <c r="AM13" s="92"/>
      <c r="AN13" s="148"/>
      <c r="AO13" s="92"/>
      <c r="AP13" s="145"/>
    </row>
    <row r="14" spans="1:42" ht="15.95" customHeight="1" x14ac:dyDescent="0.15">
      <c r="A14" s="449" t="s">
        <v>275</v>
      </c>
      <c r="B14" s="450"/>
      <c r="C14" s="450"/>
      <c r="D14" s="451"/>
      <c r="E14" s="148"/>
      <c r="F14" s="92"/>
      <c r="G14" s="92"/>
      <c r="H14" s="145"/>
      <c r="I14" s="449" t="s">
        <v>527</v>
      </c>
      <c r="J14" s="450"/>
      <c r="K14" s="450"/>
      <c r="L14" s="451"/>
      <c r="M14" s="146" t="s">
        <v>54</v>
      </c>
      <c r="N14" s="103" t="s">
        <v>277</v>
      </c>
      <c r="O14" s="103"/>
      <c r="P14" s="175" t="s">
        <v>25</v>
      </c>
      <c r="Q14" s="151" t="s">
        <v>7</v>
      </c>
      <c r="R14" s="92" t="s">
        <v>1</v>
      </c>
      <c r="S14" s="103"/>
      <c r="T14" s="151" t="s">
        <v>54</v>
      </c>
      <c r="U14" s="92" t="s">
        <v>274</v>
      </c>
      <c r="V14" s="103"/>
      <c r="W14" s="92"/>
      <c r="X14" s="92"/>
      <c r="Y14" s="102"/>
      <c r="Z14" s="92"/>
      <c r="AA14" s="92"/>
      <c r="AB14" s="92"/>
      <c r="AC14" s="92"/>
      <c r="AD14" s="175"/>
      <c r="AE14" s="175"/>
      <c r="AF14" s="175"/>
      <c r="AG14" s="251" t="s">
        <v>26</v>
      </c>
      <c r="AH14" s="151" t="s">
        <v>7</v>
      </c>
      <c r="AI14" s="92" t="s">
        <v>278</v>
      </c>
      <c r="AJ14" s="92"/>
      <c r="AK14" s="92"/>
      <c r="AL14" s="92"/>
      <c r="AM14" s="92"/>
      <c r="AN14" s="148"/>
      <c r="AO14" s="92"/>
      <c r="AP14" s="145"/>
    </row>
    <row r="15" spans="1:42" ht="15.95" customHeight="1" x14ac:dyDescent="0.15">
      <c r="A15" s="449" t="s">
        <v>279</v>
      </c>
      <c r="B15" s="450"/>
      <c r="C15" s="450"/>
      <c r="D15" s="450"/>
      <c r="E15" s="148"/>
      <c r="F15" s="92"/>
      <c r="G15" s="92"/>
      <c r="H15" s="145"/>
      <c r="I15" s="449" t="s">
        <v>590</v>
      </c>
      <c r="J15" s="450"/>
      <c r="K15" s="450"/>
      <c r="L15" s="451"/>
      <c r="M15" s="146" t="s">
        <v>54</v>
      </c>
      <c r="N15" s="103" t="s">
        <v>280</v>
      </c>
      <c r="O15" s="103"/>
      <c r="P15" s="175" t="s">
        <v>25</v>
      </c>
      <c r="Q15" s="151" t="s">
        <v>7</v>
      </c>
      <c r="R15" s="92" t="s">
        <v>1</v>
      </c>
      <c r="S15" s="103"/>
      <c r="T15" s="151" t="s">
        <v>54</v>
      </c>
      <c r="U15" s="92" t="s">
        <v>274</v>
      </c>
      <c r="V15" s="103"/>
      <c r="W15" s="92"/>
      <c r="X15" s="92"/>
      <c r="Y15" s="102"/>
      <c r="Z15" s="92"/>
      <c r="AA15" s="92"/>
      <c r="AB15" s="92"/>
      <c r="AC15" s="92"/>
      <c r="AD15" s="175"/>
      <c r="AE15" s="175"/>
      <c r="AF15" s="175"/>
      <c r="AG15" s="251" t="s">
        <v>26</v>
      </c>
      <c r="AH15" s="151" t="s">
        <v>7</v>
      </c>
      <c r="AI15" s="92" t="s">
        <v>122</v>
      </c>
      <c r="AJ15" s="92"/>
      <c r="AK15" s="92"/>
      <c r="AL15" s="92"/>
      <c r="AM15" s="92"/>
      <c r="AN15" s="148"/>
      <c r="AO15" s="92"/>
      <c r="AP15" s="145"/>
    </row>
    <row r="16" spans="1:42" ht="15.95" customHeight="1" x14ac:dyDescent="0.15">
      <c r="A16" s="494" t="s">
        <v>530</v>
      </c>
      <c r="B16" s="431"/>
      <c r="C16" s="431"/>
      <c r="D16" s="431"/>
      <c r="E16" s="148"/>
      <c r="F16" s="92"/>
      <c r="G16" s="92"/>
      <c r="H16" s="145"/>
      <c r="I16" s="437" t="s">
        <v>591</v>
      </c>
      <c r="J16" s="438"/>
      <c r="K16" s="438"/>
      <c r="L16" s="439"/>
      <c r="M16" s="138" t="s">
        <v>54</v>
      </c>
      <c r="N16" s="404" t="s">
        <v>592</v>
      </c>
      <c r="O16" s="208"/>
      <c r="P16" s="207"/>
      <c r="Q16" s="140"/>
      <c r="R16" s="98"/>
      <c r="S16" s="208"/>
      <c r="T16" s="140"/>
      <c r="U16" s="98"/>
      <c r="V16" s="208"/>
      <c r="W16" s="98"/>
      <c r="X16" s="98"/>
      <c r="Y16" s="206"/>
      <c r="Z16" s="98"/>
      <c r="AA16" s="98"/>
      <c r="AB16" s="98"/>
      <c r="AC16" s="98"/>
      <c r="AD16" s="207"/>
      <c r="AE16" s="207"/>
      <c r="AF16" s="207"/>
      <c r="AG16" s="262"/>
      <c r="AH16" s="146" t="s">
        <v>54</v>
      </c>
      <c r="AI16" s="92"/>
      <c r="AJ16" s="92"/>
      <c r="AK16" s="92"/>
      <c r="AL16" s="92"/>
      <c r="AM16" s="92"/>
      <c r="AN16" s="148"/>
      <c r="AO16" s="92"/>
      <c r="AP16" s="145"/>
    </row>
    <row r="17" spans="1:42" ht="15.95" customHeight="1" x14ac:dyDescent="0.15">
      <c r="A17" s="149"/>
      <c r="E17" s="148"/>
      <c r="F17" s="92"/>
      <c r="G17" s="92"/>
      <c r="H17" s="145"/>
      <c r="I17" s="449" t="s">
        <v>593</v>
      </c>
      <c r="J17" s="450"/>
      <c r="K17" s="450"/>
      <c r="L17" s="451"/>
      <c r="M17" s="146"/>
      <c r="N17" s="92"/>
      <c r="O17" s="103"/>
      <c r="P17" s="175"/>
      <c r="Q17" s="151"/>
      <c r="R17" s="92"/>
      <c r="S17" s="103"/>
      <c r="T17" s="151"/>
      <c r="U17" s="92"/>
      <c r="V17" s="103"/>
      <c r="W17" s="92"/>
      <c r="X17" s="92"/>
      <c r="Y17" s="102"/>
      <c r="Z17" s="92"/>
      <c r="AA17" s="92"/>
      <c r="AB17" s="92"/>
      <c r="AC17" s="92"/>
      <c r="AD17" s="175"/>
      <c r="AE17" s="175"/>
      <c r="AF17" s="175"/>
      <c r="AG17" s="251"/>
      <c r="AH17" s="151"/>
      <c r="AI17" s="92"/>
      <c r="AJ17" s="92"/>
      <c r="AK17" s="92"/>
      <c r="AL17" s="92"/>
      <c r="AM17" s="92"/>
      <c r="AN17" s="148"/>
      <c r="AO17" s="92"/>
      <c r="AP17" s="145"/>
    </row>
    <row r="18" spans="1:42" ht="15.95" customHeight="1" x14ac:dyDescent="0.15">
      <c r="A18" s="146" t="s">
        <v>7</v>
      </c>
      <c r="B18" s="538" t="s">
        <v>668</v>
      </c>
      <c r="C18" s="538"/>
      <c r="D18" s="539"/>
      <c r="E18" s="169"/>
      <c r="F18" s="105"/>
      <c r="G18" s="105"/>
      <c r="H18" s="170"/>
      <c r="I18" s="461" t="s">
        <v>380</v>
      </c>
      <c r="J18" s="462"/>
      <c r="K18" s="462"/>
      <c r="L18" s="463"/>
      <c r="M18" s="167"/>
      <c r="N18" s="105"/>
      <c r="O18" s="97"/>
      <c r="P18" s="253"/>
      <c r="Q18" s="126"/>
      <c r="R18" s="105"/>
      <c r="S18" s="97"/>
      <c r="T18" s="126"/>
      <c r="U18" s="105"/>
      <c r="V18" s="97"/>
      <c r="W18" s="105"/>
      <c r="X18" s="105"/>
      <c r="Y18" s="96"/>
      <c r="Z18" s="105"/>
      <c r="AA18" s="105"/>
      <c r="AB18" s="105"/>
      <c r="AC18" s="105"/>
      <c r="AD18" s="253"/>
      <c r="AE18" s="253"/>
      <c r="AF18" s="253"/>
      <c r="AG18" s="191"/>
      <c r="AH18" s="219"/>
      <c r="AI18" s="105"/>
      <c r="AJ18" s="105"/>
      <c r="AK18" s="105"/>
      <c r="AL18" s="105"/>
      <c r="AM18" s="105"/>
      <c r="AN18" s="169"/>
      <c r="AO18" s="105"/>
      <c r="AP18" s="170"/>
    </row>
    <row r="19" spans="1:42" ht="15.95" customHeight="1" x14ac:dyDescent="0.15">
      <c r="A19" s="146"/>
      <c r="B19" s="538"/>
      <c r="C19" s="538"/>
      <c r="D19" s="539"/>
      <c r="E19" s="449" t="s">
        <v>531</v>
      </c>
      <c r="F19" s="477"/>
      <c r="G19" s="477"/>
      <c r="H19" s="478"/>
      <c r="I19" s="437" t="s">
        <v>531</v>
      </c>
      <c r="J19" s="499"/>
      <c r="K19" s="499"/>
      <c r="L19" s="500"/>
      <c r="M19" s="151" t="s">
        <v>54</v>
      </c>
      <c r="N19" s="103" t="s">
        <v>273</v>
      </c>
      <c r="O19" s="103"/>
      <c r="P19" s="175" t="s">
        <v>25</v>
      </c>
      <c r="Q19" s="151" t="s">
        <v>7</v>
      </c>
      <c r="R19" s="92" t="s">
        <v>1</v>
      </c>
      <c r="S19" s="103"/>
      <c r="T19" s="151" t="s">
        <v>54</v>
      </c>
      <c r="U19" s="92" t="s">
        <v>274</v>
      </c>
      <c r="V19" s="103"/>
      <c r="W19" s="92"/>
      <c r="X19" s="92"/>
      <c r="Y19" s="102"/>
      <c r="Z19" s="92"/>
      <c r="AA19" s="92"/>
      <c r="AB19" s="92"/>
      <c r="AC19" s="92"/>
      <c r="AD19" s="207"/>
      <c r="AE19" s="207"/>
      <c r="AF19" s="207"/>
      <c r="AG19" s="262" t="s">
        <v>26</v>
      </c>
      <c r="AH19" s="151" t="s">
        <v>7</v>
      </c>
      <c r="AI19" s="92" t="s">
        <v>69</v>
      </c>
      <c r="AJ19" s="92"/>
      <c r="AK19" s="92"/>
      <c r="AL19" s="92"/>
      <c r="AM19" s="92"/>
      <c r="AN19" s="148"/>
      <c r="AO19" s="92"/>
      <c r="AP19" s="145"/>
    </row>
    <row r="20" spans="1:42" ht="15.95" customHeight="1" x14ac:dyDescent="0.15">
      <c r="A20" s="149"/>
      <c r="B20" s="538"/>
      <c r="C20" s="538"/>
      <c r="D20" s="539"/>
      <c r="E20" s="148"/>
      <c r="F20" s="124"/>
      <c r="G20" s="124"/>
      <c r="H20" s="157"/>
      <c r="I20" s="449" t="s">
        <v>533</v>
      </c>
      <c r="J20" s="477"/>
      <c r="K20" s="477"/>
      <c r="L20" s="478"/>
      <c r="M20" s="151" t="s">
        <v>54</v>
      </c>
      <c r="N20" s="103" t="s">
        <v>277</v>
      </c>
      <c r="O20" s="103"/>
      <c r="P20" s="175" t="s">
        <v>25</v>
      </c>
      <c r="Q20" s="151" t="s">
        <v>7</v>
      </c>
      <c r="R20" s="92" t="s">
        <v>1</v>
      </c>
      <c r="S20" s="103"/>
      <c r="T20" s="151" t="s">
        <v>54</v>
      </c>
      <c r="U20" s="92" t="s">
        <v>274</v>
      </c>
      <c r="V20" s="103"/>
      <c r="W20" s="92"/>
      <c r="X20" s="92"/>
      <c r="Y20" s="102"/>
      <c r="Z20" s="92"/>
      <c r="AA20" s="92"/>
      <c r="AB20" s="92"/>
      <c r="AC20" s="92"/>
      <c r="AD20" s="175"/>
      <c r="AE20" s="175"/>
      <c r="AF20" s="175"/>
      <c r="AG20" s="251" t="s">
        <v>26</v>
      </c>
      <c r="AH20" s="151" t="s">
        <v>7</v>
      </c>
      <c r="AI20" s="92" t="s">
        <v>278</v>
      </c>
      <c r="AJ20" s="92"/>
      <c r="AK20" s="92"/>
      <c r="AL20" s="92"/>
      <c r="AM20" s="92"/>
      <c r="AN20" s="148"/>
      <c r="AO20" s="92"/>
      <c r="AP20" s="145"/>
    </row>
    <row r="21" spans="1:42" ht="15.95" customHeight="1" x14ac:dyDescent="0.15">
      <c r="A21" s="149"/>
      <c r="E21" s="148"/>
      <c r="F21" s="92"/>
      <c r="G21" s="92"/>
      <c r="H21" s="145"/>
      <c r="I21" s="449" t="s">
        <v>534</v>
      </c>
      <c r="J21" s="450"/>
      <c r="K21" s="450"/>
      <c r="L21" s="451"/>
      <c r="M21" s="151" t="s">
        <v>54</v>
      </c>
      <c r="N21" s="103" t="s">
        <v>280</v>
      </c>
      <c r="O21" s="103"/>
      <c r="P21" s="175" t="s">
        <v>25</v>
      </c>
      <c r="Q21" s="151" t="s">
        <v>7</v>
      </c>
      <c r="R21" s="92" t="s">
        <v>1</v>
      </c>
      <c r="S21" s="103"/>
      <c r="T21" s="151" t="s">
        <v>54</v>
      </c>
      <c r="U21" s="92" t="s">
        <v>274</v>
      </c>
      <c r="V21" s="103"/>
      <c r="W21" s="92"/>
      <c r="X21" s="92"/>
      <c r="Y21" s="102"/>
      <c r="Z21" s="92"/>
      <c r="AA21" s="92"/>
      <c r="AB21" s="92"/>
      <c r="AC21" s="92"/>
      <c r="AD21" s="175"/>
      <c r="AE21" s="175"/>
      <c r="AF21" s="175"/>
      <c r="AG21" s="251" t="s">
        <v>26</v>
      </c>
      <c r="AH21" s="151" t="s">
        <v>54</v>
      </c>
      <c r="AI21" s="92"/>
      <c r="AJ21" s="92"/>
      <c r="AK21" s="92"/>
      <c r="AL21" s="92"/>
      <c r="AM21" s="92"/>
      <c r="AN21" s="148"/>
      <c r="AO21" s="92"/>
      <c r="AP21" s="145"/>
    </row>
    <row r="22" spans="1:42" ht="15.95" customHeight="1" x14ac:dyDescent="0.15">
      <c r="A22" s="149"/>
      <c r="B22" s="232"/>
      <c r="C22" s="232"/>
      <c r="D22" s="233"/>
      <c r="E22" s="148"/>
      <c r="F22" s="92"/>
      <c r="G22" s="92"/>
      <c r="H22" s="145"/>
      <c r="I22" s="162"/>
      <c r="J22" s="92"/>
      <c r="K22" s="92"/>
      <c r="L22" s="145"/>
      <c r="M22" s="151" t="s">
        <v>54</v>
      </c>
      <c r="N22" s="92" t="s">
        <v>535</v>
      </c>
      <c r="O22" s="311"/>
      <c r="P22" s="311"/>
      <c r="Q22" s="311"/>
      <c r="R22" s="311"/>
      <c r="S22" s="311"/>
      <c r="T22" s="311"/>
      <c r="U22" s="311"/>
      <c r="V22" s="311"/>
      <c r="W22" s="311"/>
      <c r="X22" s="311"/>
      <c r="Y22" s="311"/>
      <c r="Z22" s="311"/>
      <c r="AA22" s="311"/>
      <c r="AB22" s="311"/>
      <c r="AC22" s="311"/>
      <c r="AD22" s="311"/>
      <c r="AE22" s="311"/>
      <c r="AF22" s="311"/>
      <c r="AG22" s="312"/>
      <c r="AH22" s="155"/>
      <c r="AI22" s="156"/>
      <c r="AJ22" s="92"/>
      <c r="AK22" s="92"/>
      <c r="AL22" s="92"/>
      <c r="AM22" s="92"/>
      <c r="AN22" s="148"/>
      <c r="AO22" s="92"/>
      <c r="AP22" s="145"/>
    </row>
    <row r="23" spans="1:42" ht="15.95" customHeight="1" x14ac:dyDescent="0.15">
      <c r="A23" s="149"/>
      <c r="E23" s="437" t="s">
        <v>284</v>
      </c>
      <c r="F23" s="499"/>
      <c r="G23" s="499"/>
      <c r="H23" s="500"/>
      <c r="I23" s="437" t="s">
        <v>285</v>
      </c>
      <c r="J23" s="499"/>
      <c r="K23" s="499"/>
      <c r="L23" s="500"/>
      <c r="M23" s="134" t="s">
        <v>66</v>
      </c>
      <c r="N23" s="208" t="s">
        <v>286</v>
      </c>
      <c r="O23" s="208"/>
      <c r="P23" s="208"/>
      <c r="Q23" s="208"/>
      <c r="R23" s="98"/>
      <c r="S23" s="208"/>
      <c r="T23" s="208"/>
      <c r="U23" s="208"/>
      <c r="V23" s="98"/>
      <c r="W23" s="206"/>
      <c r="X23" s="206"/>
      <c r="Y23" s="206"/>
      <c r="Z23" s="206"/>
      <c r="AA23" s="206"/>
      <c r="AB23" s="206"/>
      <c r="AC23" s="206"/>
      <c r="AD23" s="206"/>
      <c r="AE23" s="206"/>
      <c r="AF23" s="206"/>
      <c r="AG23" s="217"/>
      <c r="AH23" s="140" t="s">
        <v>7</v>
      </c>
      <c r="AI23" s="98" t="s">
        <v>287</v>
      </c>
      <c r="AJ23" s="98"/>
      <c r="AK23" s="114"/>
      <c r="AL23" s="114"/>
      <c r="AM23" s="114"/>
      <c r="AN23" s="141"/>
      <c r="AO23" s="98"/>
      <c r="AP23" s="142"/>
    </row>
    <row r="24" spans="1:42" ht="15.95" customHeight="1" x14ac:dyDescent="0.15">
      <c r="A24" s="149"/>
      <c r="E24" s="162"/>
      <c r="F24" s="153"/>
      <c r="G24" s="153"/>
      <c r="H24" s="154"/>
      <c r="I24" s="449" t="s">
        <v>288</v>
      </c>
      <c r="J24" s="477"/>
      <c r="K24" s="477"/>
      <c r="L24" s="478"/>
      <c r="M24" s="155"/>
      <c r="N24" s="175" t="s">
        <v>94</v>
      </c>
      <c r="O24" s="151" t="s">
        <v>7</v>
      </c>
      <c r="P24" s="103" t="s">
        <v>594</v>
      </c>
      <c r="Q24" s="103"/>
      <c r="R24" s="92"/>
      <c r="S24" s="103"/>
      <c r="T24" s="103"/>
      <c r="U24" s="151" t="s">
        <v>54</v>
      </c>
      <c r="V24" s="92" t="s">
        <v>290</v>
      </c>
      <c r="W24" s="102"/>
      <c r="X24" s="151" t="s">
        <v>54</v>
      </c>
      <c r="Y24" s="103" t="s">
        <v>595</v>
      </c>
      <c r="Z24" s="102"/>
      <c r="AA24" s="102"/>
      <c r="AB24" s="102"/>
      <c r="AC24" s="102"/>
      <c r="AG24" s="152"/>
      <c r="AH24" s="151" t="s">
        <v>7</v>
      </c>
      <c r="AI24" s="92" t="s">
        <v>278</v>
      </c>
      <c r="AJ24" s="92"/>
      <c r="AK24" s="92"/>
      <c r="AL24" s="92"/>
      <c r="AM24" s="92"/>
      <c r="AN24" s="148"/>
      <c r="AO24" s="92"/>
      <c r="AP24" s="145"/>
    </row>
    <row r="25" spans="1:42" ht="15.95" customHeight="1" x14ac:dyDescent="0.15">
      <c r="A25" s="149"/>
      <c r="E25" s="162"/>
      <c r="F25" s="153"/>
      <c r="G25" s="153"/>
      <c r="H25" s="154"/>
      <c r="I25" s="162"/>
      <c r="J25" s="103"/>
      <c r="K25" s="103"/>
      <c r="L25" s="251"/>
      <c r="M25" s="155" t="s">
        <v>66</v>
      </c>
      <c r="N25" s="103" t="s">
        <v>292</v>
      </c>
      <c r="O25" s="103"/>
      <c r="P25" s="103"/>
      <c r="Q25" s="103"/>
      <c r="R25" s="92"/>
      <c r="S25" s="103"/>
      <c r="T25" s="103"/>
      <c r="U25" s="103"/>
      <c r="V25" s="92"/>
      <c r="W25" s="102"/>
      <c r="X25" s="102"/>
      <c r="Y25" s="102"/>
      <c r="Z25" s="102"/>
      <c r="AA25" s="102"/>
      <c r="AB25" s="102"/>
      <c r="AC25" s="102"/>
      <c r="AD25" s="102"/>
      <c r="AE25" s="102"/>
      <c r="AF25" s="102"/>
      <c r="AG25" s="152"/>
      <c r="AH25" s="151" t="s">
        <v>54</v>
      </c>
      <c r="AI25" s="92"/>
      <c r="AJ25" s="92"/>
      <c r="AK25" s="92"/>
      <c r="AL25" s="92"/>
      <c r="AM25" s="92"/>
      <c r="AN25" s="148"/>
      <c r="AO25" s="92"/>
      <c r="AP25" s="145"/>
    </row>
    <row r="26" spans="1:42" ht="15.95" customHeight="1" x14ac:dyDescent="0.15">
      <c r="A26" s="148"/>
      <c r="B26" s="92"/>
      <c r="C26" s="92"/>
      <c r="D26" s="145"/>
      <c r="E26" s="169"/>
      <c r="F26" s="105"/>
      <c r="G26" s="105"/>
      <c r="H26" s="170"/>
      <c r="I26" s="169"/>
      <c r="J26" s="105"/>
      <c r="K26" s="105"/>
      <c r="L26" s="170"/>
      <c r="M26" s="212"/>
      <c r="N26" s="253" t="s">
        <v>94</v>
      </c>
      <c r="O26" s="126" t="s">
        <v>7</v>
      </c>
      <c r="P26" s="97" t="s">
        <v>293</v>
      </c>
      <c r="Q26" s="97"/>
      <c r="R26" s="105"/>
      <c r="S26" s="116"/>
      <c r="T26" s="116"/>
      <c r="U26" s="126" t="s">
        <v>54</v>
      </c>
      <c r="V26" s="105" t="s">
        <v>290</v>
      </c>
      <c r="W26" s="96"/>
      <c r="X26" s="126" t="s">
        <v>54</v>
      </c>
      <c r="Y26" s="97" t="s">
        <v>595</v>
      </c>
      <c r="Z26" s="96"/>
      <c r="AA26" s="96"/>
      <c r="AB26" s="96"/>
      <c r="AC26" s="96"/>
      <c r="AD26" s="116"/>
      <c r="AE26" s="116"/>
      <c r="AF26" s="116"/>
      <c r="AG26" s="259"/>
      <c r="AH26" s="169"/>
      <c r="AI26" s="105"/>
      <c r="AJ26" s="105"/>
      <c r="AK26" s="105"/>
      <c r="AL26" s="105"/>
      <c r="AM26" s="105"/>
      <c r="AN26" s="169"/>
      <c r="AO26" s="105"/>
      <c r="AP26" s="170"/>
    </row>
    <row r="27" spans="1:42" ht="15.95" customHeight="1" x14ac:dyDescent="0.15">
      <c r="A27" s="148"/>
      <c r="B27" s="92"/>
      <c r="C27" s="92"/>
      <c r="D27" s="145"/>
      <c r="E27" s="504" t="s">
        <v>294</v>
      </c>
      <c r="F27" s="505"/>
      <c r="G27" s="505"/>
      <c r="H27" s="506"/>
      <c r="I27" s="437" t="s">
        <v>295</v>
      </c>
      <c r="J27" s="499"/>
      <c r="K27" s="499"/>
      <c r="L27" s="500"/>
      <c r="M27" s="151" t="s">
        <v>7</v>
      </c>
      <c r="N27" s="103" t="s">
        <v>296</v>
      </c>
      <c r="O27" s="103"/>
      <c r="P27" s="103"/>
      <c r="Q27" s="103" t="s">
        <v>297</v>
      </c>
      <c r="R27" s="92"/>
      <c r="S27" s="103"/>
      <c r="T27" s="431"/>
      <c r="U27" s="431"/>
      <c r="V27" s="431"/>
      <c r="W27" s="431"/>
      <c r="X27" s="431"/>
      <c r="Y27" s="431"/>
      <c r="Z27" s="431"/>
      <c r="AA27" s="431"/>
      <c r="AB27" s="92" t="s">
        <v>26</v>
      </c>
      <c r="AG27" s="152"/>
      <c r="AH27" s="146" t="s">
        <v>7</v>
      </c>
      <c r="AI27" s="92" t="s">
        <v>69</v>
      </c>
      <c r="AJ27" s="92"/>
      <c r="AK27" s="92"/>
      <c r="AL27" s="92"/>
      <c r="AM27" s="92"/>
      <c r="AN27" s="148"/>
      <c r="AO27" s="92"/>
      <c r="AP27" s="145"/>
    </row>
    <row r="28" spans="1:42" ht="15.95" customHeight="1" x14ac:dyDescent="0.15">
      <c r="A28" s="148"/>
      <c r="B28" s="92"/>
      <c r="C28" s="92"/>
      <c r="D28" s="145"/>
      <c r="E28" s="507"/>
      <c r="F28" s="508"/>
      <c r="G28" s="508"/>
      <c r="H28" s="509"/>
      <c r="I28" s="461" t="s">
        <v>298</v>
      </c>
      <c r="J28" s="462"/>
      <c r="K28" s="462"/>
      <c r="L28" s="463"/>
      <c r="M28" s="167" t="s">
        <v>54</v>
      </c>
      <c r="N28" s="97" t="s">
        <v>0</v>
      </c>
      <c r="O28" s="97"/>
      <c r="P28" s="97" t="s">
        <v>25</v>
      </c>
      <c r="Q28" s="456"/>
      <c r="R28" s="456"/>
      <c r="S28" s="456"/>
      <c r="T28" s="456"/>
      <c r="U28" s="456"/>
      <c r="V28" s="456"/>
      <c r="W28" s="456"/>
      <c r="X28" s="456"/>
      <c r="Y28" s="456"/>
      <c r="Z28" s="456"/>
      <c r="AA28" s="456"/>
      <c r="AB28" s="105" t="s">
        <v>26</v>
      </c>
      <c r="AC28" s="116"/>
      <c r="AD28" s="116"/>
      <c r="AE28" s="116"/>
      <c r="AF28" s="116"/>
      <c r="AG28" s="259"/>
      <c r="AH28" s="146" t="s">
        <v>7</v>
      </c>
      <c r="AI28" s="92"/>
      <c r="AJ28" s="92"/>
      <c r="AK28" s="92"/>
      <c r="AL28" s="92"/>
      <c r="AM28" s="92"/>
      <c r="AN28" s="148"/>
      <c r="AO28" s="92"/>
      <c r="AP28" s="145"/>
    </row>
    <row r="29" spans="1:42" ht="15.95" customHeight="1" x14ac:dyDescent="0.15">
      <c r="A29" s="148"/>
      <c r="B29" s="92"/>
      <c r="C29" s="92"/>
      <c r="D29" s="145"/>
      <c r="E29" s="507"/>
      <c r="F29" s="508"/>
      <c r="G29" s="508"/>
      <c r="H29" s="509"/>
      <c r="I29" s="449" t="s">
        <v>299</v>
      </c>
      <c r="J29" s="477"/>
      <c r="K29" s="477"/>
      <c r="L29" s="478"/>
      <c r="M29" s="151" t="s">
        <v>7</v>
      </c>
      <c r="N29" s="103" t="s">
        <v>300</v>
      </c>
      <c r="O29" s="103"/>
      <c r="P29" s="103"/>
      <c r="Q29" s="103"/>
      <c r="R29" s="92"/>
      <c r="S29" s="103"/>
      <c r="T29" s="92"/>
      <c r="U29" s="102"/>
      <c r="V29" s="103"/>
      <c r="W29" s="103"/>
      <c r="X29" s="102"/>
      <c r="Y29" s="102"/>
      <c r="Z29" s="102"/>
      <c r="AA29" s="102"/>
      <c r="AB29" s="92"/>
      <c r="AG29" s="152"/>
      <c r="AH29" s="155"/>
      <c r="AI29" s="92"/>
      <c r="AJ29" s="92"/>
      <c r="AK29" s="92"/>
      <c r="AL29" s="92"/>
      <c r="AM29" s="92"/>
      <c r="AN29" s="148"/>
      <c r="AO29" s="92"/>
      <c r="AP29" s="145"/>
    </row>
    <row r="30" spans="1:42" ht="15.95" customHeight="1" x14ac:dyDescent="0.15">
      <c r="A30" s="148"/>
      <c r="B30" s="92"/>
      <c r="C30" s="92"/>
      <c r="D30" s="145"/>
      <c r="E30" s="92"/>
      <c r="F30" s="92"/>
      <c r="G30" s="92"/>
      <c r="H30" s="145"/>
      <c r="I30" s="148"/>
      <c r="J30" s="92"/>
      <c r="K30" s="92"/>
      <c r="L30" s="145"/>
      <c r="M30" s="155"/>
      <c r="N30" s="510" t="s">
        <v>158</v>
      </c>
      <c r="O30" s="510"/>
      <c r="P30" s="103" t="s">
        <v>25</v>
      </c>
      <c r="Q30" s="431"/>
      <c r="R30" s="431"/>
      <c r="S30" s="431"/>
      <c r="T30" s="431"/>
      <c r="U30" s="431"/>
      <c r="V30" s="431"/>
      <c r="W30" s="431"/>
      <c r="X30" s="431"/>
      <c r="Y30" s="431"/>
      <c r="Z30" s="431"/>
      <c r="AA30" s="431"/>
      <c r="AB30" s="92" t="s">
        <v>26</v>
      </c>
      <c r="AG30" s="152"/>
      <c r="AH30" s="155"/>
      <c r="AI30" s="92"/>
      <c r="AJ30" s="92"/>
      <c r="AK30" s="92"/>
      <c r="AL30" s="92"/>
      <c r="AM30" s="92"/>
      <c r="AN30" s="148"/>
      <c r="AO30" s="92"/>
      <c r="AP30" s="145"/>
    </row>
    <row r="31" spans="1:42" ht="15.95" customHeight="1" x14ac:dyDescent="0.15">
      <c r="A31" s="148"/>
      <c r="B31" s="92"/>
      <c r="C31" s="92"/>
      <c r="D31" s="145"/>
      <c r="E31" s="105"/>
      <c r="F31" s="105"/>
      <c r="G31" s="105"/>
      <c r="H31" s="170"/>
      <c r="I31" s="169"/>
      <c r="J31" s="105"/>
      <c r="K31" s="105"/>
      <c r="L31" s="170"/>
      <c r="M31" s="126" t="s">
        <v>54</v>
      </c>
      <c r="N31" s="97" t="s">
        <v>0</v>
      </c>
      <c r="O31" s="97"/>
      <c r="P31" s="97" t="s">
        <v>25</v>
      </c>
      <c r="Q31" s="96"/>
      <c r="R31" s="96"/>
      <c r="S31" s="96"/>
      <c r="T31" s="96"/>
      <c r="U31" s="96"/>
      <c r="V31" s="96"/>
      <c r="W31" s="96"/>
      <c r="X31" s="96"/>
      <c r="Y31" s="96"/>
      <c r="Z31" s="96"/>
      <c r="AA31" s="105" t="s">
        <v>26</v>
      </c>
      <c r="AB31" s="116"/>
      <c r="AC31" s="116"/>
      <c r="AD31" s="116"/>
      <c r="AE31" s="116"/>
      <c r="AF31" s="116"/>
      <c r="AG31" s="259"/>
      <c r="AH31" s="212"/>
      <c r="AI31" s="105"/>
      <c r="AJ31" s="105"/>
      <c r="AK31" s="105"/>
      <c r="AL31" s="105"/>
      <c r="AM31" s="105"/>
      <c r="AN31" s="169"/>
      <c r="AO31" s="105"/>
      <c r="AP31" s="170"/>
    </row>
    <row r="32" spans="1:42" ht="15.95" customHeight="1" x14ac:dyDescent="0.15">
      <c r="A32" s="148"/>
      <c r="B32" s="92"/>
      <c r="C32" s="92"/>
      <c r="D32" s="145"/>
      <c r="E32" s="438" t="s">
        <v>301</v>
      </c>
      <c r="F32" s="499"/>
      <c r="G32" s="499"/>
      <c r="H32" s="500"/>
      <c r="I32" s="437" t="s">
        <v>302</v>
      </c>
      <c r="J32" s="499"/>
      <c r="K32" s="499"/>
      <c r="L32" s="500"/>
      <c r="M32" s="155" t="s">
        <v>66</v>
      </c>
      <c r="N32" s="103" t="s">
        <v>303</v>
      </c>
      <c r="O32" s="103"/>
      <c r="P32" s="103"/>
      <c r="Q32" s="103"/>
      <c r="R32" s="92"/>
      <c r="S32" s="103"/>
      <c r="T32" s="92"/>
      <c r="U32" s="102"/>
      <c r="V32" s="103"/>
      <c r="W32" s="103"/>
      <c r="X32" s="102"/>
      <c r="Y32" s="102"/>
      <c r="Z32" s="102"/>
      <c r="AA32" s="102"/>
      <c r="AB32" s="92"/>
      <c r="AG32" s="152"/>
      <c r="AH32" s="146" t="s">
        <v>7</v>
      </c>
      <c r="AI32" s="92" t="s">
        <v>278</v>
      </c>
      <c r="AJ32" s="92"/>
      <c r="AK32" s="92"/>
      <c r="AL32" s="92"/>
      <c r="AM32" s="92"/>
      <c r="AN32" s="148"/>
      <c r="AO32" s="92"/>
      <c r="AP32" s="145"/>
    </row>
    <row r="33" spans="1:42" ht="15.95" customHeight="1" x14ac:dyDescent="0.15">
      <c r="A33" s="148"/>
      <c r="B33" s="92"/>
      <c r="C33" s="92"/>
      <c r="D33" s="145"/>
      <c r="E33" s="92"/>
      <c r="F33" s="92"/>
      <c r="G33" s="92"/>
      <c r="H33" s="145"/>
      <c r="I33" s="449" t="s">
        <v>304</v>
      </c>
      <c r="J33" s="450"/>
      <c r="K33" s="450"/>
      <c r="L33" s="451"/>
      <c r="M33" s="155"/>
      <c r="N33" s="175" t="s">
        <v>305</v>
      </c>
      <c r="O33" s="151" t="s">
        <v>54</v>
      </c>
      <c r="P33" s="103" t="s">
        <v>306</v>
      </c>
      <c r="Q33" s="103"/>
      <c r="R33" s="151" t="s">
        <v>7</v>
      </c>
      <c r="S33" s="103" t="s">
        <v>837</v>
      </c>
      <c r="T33" s="92"/>
      <c r="U33" s="102"/>
      <c r="V33" s="151" t="s">
        <v>54</v>
      </c>
      <c r="W33" s="103" t="s">
        <v>0</v>
      </c>
      <c r="X33" s="103"/>
      <c r="Y33" s="103" t="s">
        <v>148</v>
      </c>
      <c r="Z33" s="102"/>
      <c r="AA33" s="102"/>
      <c r="AB33" s="92"/>
      <c r="AG33" s="152"/>
      <c r="AH33" s="146" t="s">
        <v>7</v>
      </c>
      <c r="AN33" s="148"/>
      <c r="AO33" s="92"/>
      <c r="AP33" s="145"/>
    </row>
    <row r="34" spans="1:42" ht="15.95" customHeight="1" x14ac:dyDescent="0.15">
      <c r="A34" s="148"/>
      <c r="B34" s="92"/>
      <c r="C34" s="92"/>
      <c r="D34" s="145"/>
      <c r="E34" s="92"/>
      <c r="F34" s="92"/>
      <c r="G34" s="92"/>
      <c r="H34" s="145"/>
      <c r="I34" s="148"/>
      <c r="J34" s="92"/>
      <c r="K34" s="92"/>
      <c r="L34" s="145"/>
      <c r="M34" s="155" t="s">
        <v>66</v>
      </c>
      <c r="N34" s="103" t="s">
        <v>307</v>
      </c>
      <c r="O34" s="103"/>
      <c r="P34" s="103"/>
      <c r="Q34" s="103"/>
      <c r="R34" s="92"/>
      <c r="S34" s="103"/>
      <c r="T34" s="92"/>
      <c r="U34" s="102"/>
      <c r="V34" s="103"/>
      <c r="W34" s="103"/>
      <c r="X34" s="102"/>
      <c r="Y34" s="102"/>
      <c r="Z34" s="102"/>
      <c r="AA34" s="102"/>
      <c r="AB34" s="92"/>
      <c r="AG34" s="152"/>
      <c r="AH34" s="124"/>
      <c r="AI34" s="92"/>
      <c r="AJ34" s="92"/>
      <c r="AK34" s="92"/>
      <c r="AL34" s="92"/>
      <c r="AM34" s="92"/>
      <c r="AN34" s="148"/>
      <c r="AO34" s="92"/>
      <c r="AP34" s="145"/>
    </row>
    <row r="35" spans="1:42" ht="15.95" customHeight="1" x14ac:dyDescent="0.15">
      <c r="A35" s="148"/>
      <c r="B35" s="92"/>
      <c r="C35" s="92"/>
      <c r="D35" s="145"/>
      <c r="E35" s="92"/>
      <c r="F35" s="92"/>
      <c r="G35" s="92"/>
      <c r="H35" s="145"/>
      <c r="I35" s="148"/>
      <c r="J35" s="92"/>
      <c r="K35" s="92"/>
      <c r="L35" s="145"/>
      <c r="M35" s="155"/>
      <c r="N35" s="175" t="s">
        <v>305</v>
      </c>
      <c r="O35" s="151" t="s">
        <v>54</v>
      </c>
      <c r="P35" s="103" t="s">
        <v>306</v>
      </c>
      <c r="Q35" s="103"/>
      <c r="R35" s="151" t="s">
        <v>7</v>
      </c>
      <c r="S35" s="103" t="s">
        <v>837</v>
      </c>
      <c r="T35" s="92"/>
      <c r="U35" s="102"/>
      <c r="V35" s="151" t="s">
        <v>54</v>
      </c>
      <c r="W35" s="103" t="s">
        <v>0</v>
      </c>
      <c r="X35" s="103"/>
      <c r="Y35" s="103" t="s">
        <v>148</v>
      </c>
      <c r="Z35" s="102"/>
      <c r="AA35" s="102"/>
      <c r="AB35" s="92"/>
      <c r="AG35" s="152"/>
      <c r="AH35" s="124"/>
      <c r="AI35" s="92"/>
      <c r="AJ35" s="92"/>
      <c r="AK35" s="92"/>
      <c r="AL35" s="92"/>
      <c r="AM35" s="92"/>
      <c r="AN35" s="148"/>
      <c r="AO35" s="92"/>
      <c r="AP35" s="145"/>
    </row>
    <row r="36" spans="1:42" ht="15.95" customHeight="1" x14ac:dyDescent="0.15">
      <c r="A36" s="148"/>
      <c r="B36" s="92"/>
      <c r="C36" s="92"/>
      <c r="D36" s="145"/>
      <c r="E36" s="92"/>
      <c r="F36" s="92"/>
      <c r="G36" s="92"/>
      <c r="H36" s="145"/>
      <c r="I36" s="148"/>
      <c r="J36" s="92"/>
      <c r="K36" s="92"/>
      <c r="L36" s="145"/>
      <c r="M36" s="155" t="s">
        <v>66</v>
      </c>
      <c r="N36" s="103" t="s">
        <v>308</v>
      </c>
      <c r="O36" s="103"/>
      <c r="P36" s="103"/>
      <c r="Q36" s="103"/>
      <c r="R36" s="92"/>
      <c r="S36" s="103"/>
      <c r="T36" s="92"/>
      <c r="U36" s="102"/>
      <c r="V36" s="103"/>
      <c r="W36" s="103"/>
      <c r="X36" s="102"/>
      <c r="Y36" s="102"/>
      <c r="Z36" s="102"/>
      <c r="AA36" s="102"/>
      <c r="AB36" s="92"/>
      <c r="AG36" s="152"/>
      <c r="AH36" s="155"/>
      <c r="AI36" s="182"/>
      <c r="AJ36" s="182"/>
      <c r="AK36" s="182"/>
      <c r="AL36" s="182"/>
      <c r="AM36" s="182"/>
      <c r="AN36" s="148"/>
      <c r="AO36" s="92"/>
      <c r="AP36" s="145"/>
    </row>
    <row r="37" spans="1:42" ht="15.95" customHeight="1" x14ac:dyDescent="0.15">
      <c r="A37" s="148"/>
      <c r="B37" s="92"/>
      <c r="C37" s="92"/>
      <c r="D37" s="145"/>
      <c r="E37" s="92"/>
      <c r="F37" s="92"/>
      <c r="G37" s="92"/>
      <c r="H37" s="145"/>
      <c r="I37" s="148"/>
      <c r="J37" s="92"/>
      <c r="K37" s="92"/>
      <c r="L37" s="145"/>
      <c r="M37" s="155"/>
      <c r="N37" s="175" t="s">
        <v>305</v>
      </c>
      <c r="O37" s="151" t="s">
        <v>54</v>
      </c>
      <c r="P37" s="103" t="s">
        <v>306</v>
      </c>
      <c r="Q37" s="103"/>
      <c r="R37" s="151" t="s">
        <v>7</v>
      </c>
      <c r="S37" s="103" t="s">
        <v>837</v>
      </c>
      <c r="T37" s="92"/>
      <c r="U37" s="102"/>
      <c r="V37" s="151" t="s">
        <v>54</v>
      </c>
      <c r="W37" s="103" t="s">
        <v>0</v>
      </c>
      <c r="X37" s="103"/>
      <c r="Y37" s="103" t="s">
        <v>148</v>
      </c>
      <c r="Z37" s="102"/>
      <c r="AA37" s="102"/>
      <c r="AB37" s="92"/>
      <c r="AG37" s="152"/>
      <c r="AH37" s="102"/>
      <c r="AI37" s="156"/>
      <c r="AJ37" s="92"/>
      <c r="AK37" s="92"/>
      <c r="AL37" s="92"/>
      <c r="AM37" s="92"/>
      <c r="AN37" s="148"/>
      <c r="AO37" s="92"/>
      <c r="AP37" s="145"/>
    </row>
    <row r="38" spans="1:42" ht="15.95" customHeight="1" x14ac:dyDescent="0.15">
      <c r="A38" s="148"/>
      <c r="B38" s="92"/>
      <c r="C38" s="92"/>
      <c r="D38" s="145"/>
      <c r="E38" s="92"/>
      <c r="F38" s="92"/>
      <c r="G38" s="92"/>
      <c r="H38" s="145"/>
      <c r="I38" s="148"/>
      <c r="J38" s="92"/>
      <c r="K38" s="92"/>
      <c r="L38" s="145"/>
      <c r="M38" s="155" t="s">
        <v>66</v>
      </c>
      <c r="N38" s="103" t="s">
        <v>309</v>
      </c>
      <c r="O38" s="103"/>
      <c r="P38" s="103"/>
      <c r="Q38" s="103"/>
      <c r="R38" s="92"/>
      <c r="S38" s="103"/>
      <c r="T38" s="92"/>
      <c r="U38" s="102"/>
      <c r="V38" s="103"/>
      <c r="W38" s="103"/>
      <c r="X38" s="102"/>
      <c r="Y38" s="102"/>
      <c r="Z38" s="102"/>
      <c r="AA38" s="102"/>
      <c r="AB38" s="92"/>
      <c r="AG38" s="152"/>
      <c r="AH38" s="92"/>
      <c r="AI38" s="92"/>
      <c r="AJ38" s="92"/>
      <c r="AK38" s="92"/>
      <c r="AL38" s="92"/>
      <c r="AM38" s="92"/>
      <c r="AN38" s="148"/>
      <c r="AO38" s="92"/>
      <c r="AP38" s="104"/>
    </row>
    <row r="39" spans="1:42" ht="15.95" customHeight="1" x14ac:dyDescent="0.15">
      <c r="A39" s="148"/>
      <c r="B39" s="92"/>
      <c r="C39" s="92"/>
      <c r="D39" s="145"/>
      <c r="E39" s="92"/>
      <c r="F39" s="92"/>
      <c r="G39" s="92"/>
      <c r="H39" s="145"/>
      <c r="I39" s="148"/>
      <c r="J39" s="92"/>
      <c r="K39" s="92"/>
      <c r="L39" s="145"/>
      <c r="M39" s="155"/>
      <c r="N39" s="175" t="s">
        <v>305</v>
      </c>
      <c r="O39" s="151" t="s">
        <v>54</v>
      </c>
      <c r="P39" s="103" t="s">
        <v>306</v>
      </c>
      <c r="Q39" s="103"/>
      <c r="R39" s="151" t="s">
        <v>7</v>
      </c>
      <c r="S39" s="103" t="s">
        <v>837</v>
      </c>
      <c r="T39" s="92"/>
      <c r="U39" s="102"/>
      <c r="V39" s="151" t="s">
        <v>54</v>
      </c>
      <c r="W39" s="103" t="s">
        <v>0</v>
      </c>
      <c r="X39" s="103"/>
      <c r="Y39" s="103" t="s">
        <v>148</v>
      </c>
      <c r="Z39" s="102"/>
      <c r="AA39" s="102"/>
      <c r="AB39" s="92"/>
      <c r="AG39" s="152"/>
      <c r="AH39" s="148"/>
      <c r="AI39" s="92"/>
      <c r="AJ39" s="92"/>
      <c r="AK39" s="92"/>
      <c r="AL39" s="92"/>
      <c r="AM39" s="92"/>
      <c r="AN39" s="148"/>
      <c r="AO39" s="92"/>
      <c r="AP39" s="104"/>
    </row>
    <row r="40" spans="1:42" ht="15.95" customHeight="1" x14ac:dyDescent="0.15">
      <c r="A40" s="148"/>
      <c r="B40" s="92"/>
      <c r="C40" s="92"/>
      <c r="D40" s="145"/>
      <c r="E40" s="92"/>
      <c r="F40" s="92"/>
      <c r="G40" s="92"/>
      <c r="H40" s="145"/>
      <c r="I40" s="148"/>
      <c r="J40" s="92"/>
      <c r="K40" s="92"/>
      <c r="L40" s="145"/>
      <c r="M40" s="155" t="s">
        <v>66</v>
      </c>
      <c r="N40" s="103" t="s">
        <v>310</v>
      </c>
      <c r="O40" s="103"/>
      <c r="P40" s="103"/>
      <c r="Q40" s="103"/>
      <c r="R40" s="92"/>
      <c r="S40" s="103"/>
      <c r="T40" s="92"/>
      <c r="U40" s="102"/>
      <c r="V40" s="103"/>
      <c r="W40" s="103"/>
      <c r="X40" s="102"/>
      <c r="Y40" s="102"/>
      <c r="Z40" s="102"/>
      <c r="AA40" s="102"/>
      <c r="AB40" s="92"/>
      <c r="AG40" s="152"/>
      <c r="AH40" s="155"/>
      <c r="AI40" s="92"/>
      <c r="AJ40" s="92"/>
      <c r="AK40" s="92"/>
      <c r="AL40" s="92"/>
      <c r="AM40" s="92"/>
      <c r="AN40" s="149"/>
      <c r="AP40" s="104"/>
    </row>
    <row r="41" spans="1:42" ht="15.95" customHeight="1" x14ac:dyDescent="0.15">
      <c r="A41" s="169"/>
      <c r="B41" s="105"/>
      <c r="C41" s="105"/>
      <c r="D41" s="170"/>
      <c r="E41" s="105"/>
      <c r="F41" s="105"/>
      <c r="G41" s="105"/>
      <c r="H41" s="170"/>
      <c r="I41" s="169"/>
      <c r="J41" s="105"/>
      <c r="K41" s="105"/>
      <c r="L41" s="170"/>
      <c r="M41" s="212"/>
      <c r="N41" s="253" t="s">
        <v>305</v>
      </c>
      <c r="O41" s="126" t="s">
        <v>54</v>
      </c>
      <c r="P41" s="97" t="s">
        <v>306</v>
      </c>
      <c r="Q41" s="97"/>
      <c r="R41" s="126" t="s">
        <v>7</v>
      </c>
      <c r="S41" s="97" t="s">
        <v>837</v>
      </c>
      <c r="T41" s="105"/>
      <c r="U41" s="96"/>
      <c r="V41" s="126" t="s">
        <v>54</v>
      </c>
      <c r="W41" s="97" t="s">
        <v>0</v>
      </c>
      <c r="X41" s="97"/>
      <c r="Y41" s="97" t="s">
        <v>148</v>
      </c>
      <c r="Z41" s="96"/>
      <c r="AA41" s="96"/>
      <c r="AB41" s="96"/>
      <c r="AC41" s="96"/>
      <c r="AD41" s="96"/>
      <c r="AE41" s="96"/>
      <c r="AF41" s="96"/>
      <c r="AG41" s="259"/>
      <c r="AH41" s="212"/>
      <c r="AI41" s="200"/>
      <c r="AJ41" s="200"/>
      <c r="AK41" s="200"/>
      <c r="AL41" s="200"/>
      <c r="AM41" s="200"/>
      <c r="AN41" s="219"/>
      <c r="AO41" s="116"/>
      <c r="AP41" s="106"/>
    </row>
    <row r="42" spans="1:42" ht="15.95" customHeight="1" x14ac:dyDescent="0.15">
      <c r="A42" s="92" t="s">
        <v>743</v>
      </c>
    </row>
    <row r="43" spans="1:42" ht="15.95" customHeight="1" x14ac:dyDescent="0.15"/>
    <row r="44" spans="1:42" ht="15.95" customHeight="1" x14ac:dyDescent="0.15"/>
    <row r="45" spans="1:42" ht="15.95" customHeight="1" x14ac:dyDescent="0.15"/>
    <row r="46" spans="1:42" ht="15.95" customHeight="1" x14ac:dyDescent="0.15"/>
    <row r="47" spans="1:42" ht="15.95" customHeight="1" x14ac:dyDescent="0.15">
      <c r="A47" s="258"/>
      <c r="B47" s="153"/>
      <c r="C47" s="153"/>
      <c r="D47" s="153"/>
      <c r="P47" s="91" t="s">
        <v>313</v>
      </c>
    </row>
    <row r="48" spans="1:42" ht="15.95" customHeight="1" x14ac:dyDescent="0.15">
      <c r="A48" s="260"/>
    </row>
    <row r="49" spans="1:1" ht="15.95" customHeight="1" x14ac:dyDescent="0.15">
      <c r="A49" s="260"/>
    </row>
    <row r="50" spans="1:1" ht="15.95" customHeight="1" x14ac:dyDescent="0.15">
      <c r="A50" s="260"/>
    </row>
    <row r="51" spans="1:1" ht="15.95" customHeight="1" x14ac:dyDescent="0.15">
      <c r="A51" s="260"/>
    </row>
    <row r="52" spans="1:1" ht="15.95" customHeight="1" x14ac:dyDescent="0.15">
      <c r="A52" s="260"/>
    </row>
    <row r="53" spans="1:1" ht="15.95" customHeight="1" x14ac:dyDescent="0.15">
      <c r="A53" s="260"/>
    </row>
    <row r="54" spans="1:1" ht="15.95" customHeight="1" x14ac:dyDescent="0.15">
      <c r="A54" s="260"/>
    </row>
    <row r="55" spans="1:1" ht="15.95" customHeight="1" x14ac:dyDescent="0.15"/>
    <row r="56" spans="1:1" ht="15.95" customHeight="1" x14ac:dyDescent="0.15"/>
    <row r="57" spans="1:1" ht="15.95" customHeight="1" x14ac:dyDescent="0.15"/>
    <row r="58" spans="1:1" ht="15.95" customHeight="1" x14ac:dyDescent="0.15"/>
    <row r="59" spans="1:1" ht="15.95" customHeight="1" x14ac:dyDescent="0.15"/>
    <row r="60" spans="1:1" ht="15.95" customHeight="1" x14ac:dyDescent="0.15"/>
    <row r="61" spans="1:1" ht="15.95" customHeight="1" x14ac:dyDescent="0.15"/>
    <row r="62" spans="1:1" ht="15.95" customHeight="1" x14ac:dyDescent="0.15"/>
    <row r="63" spans="1:1" ht="15.95" customHeight="1" x14ac:dyDescent="0.15"/>
    <row r="64" spans="1:1" ht="15.95" customHeight="1" x14ac:dyDescent="0.15"/>
    <row r="65" ht="15.95" customHeight="1" x14ac:dyDescent="0.15"/>
    <row r="66" ht="15.95" customHeight="1" x14ac:dyDescent="0.15"/>
    <row r="67" ht="15.95" customHeight="1" x14ac:dyDescent="0.15"/>
    <row r="68" ht="15.95" customHeight="1" x14ac:dyDescent="0.15"/>
    <row r="69" ht="15.95" customHeight="1" x14ac:dyDescent="0.15"/>
    <row r="70" ht="15.95" customHeight="1" x14ac:dyDescent="0.15"/>
    <row r="71" ht="15.95" customHeight="1" x14ac:dyDescent="0.15"/>
    <row r="72" ht="15.95" customHeight="1" x14ac:dyDescent="0.15"/>
    <row r="73" ht="15.95" customHeight="1" x14ac:dyDescent="0.15"/>
    <row r="74" ht="15.95" customHeight="1" x14ac:dyDescent="0.15"/>
    <row r="75" ht="15.95" customHeight="1" x14ac:dyDescent="0.15"/>
    <row r="76" ht="15.95" customHeight="1" x14ac:dyDescent="0.15"/>
    <row r="77" ht="15.95" customHeight="1" x14ac:dyDescent="0.15"/>
    <row r="78" ht="15.95" customHeight="1" x14ac:dyDescent="0.15"/>
    <row r="79" ht="15.95" customHeight="1" x14ac:dyDescent="0.15"/>
    <row r="80"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sheetData>
  <mergeCells count="52">
    <mergeCell ref="A5:M5"/>
    <mergeCell ref="A6:M6"/>
    <mergeCell ref="N2:AP2"/>
    <mergeCell ref="N3:AP3"/>
    <mergeCell ref="N6:AP6"/>
    <mergeCell ref="N4:AP4"/>
    <mergeCell ref="AB5:AI5"/>
    <mergeCell ref="E32:H32"/>
    <mergeCell ref="I32:L32"/>
    <mergeCell ref="I33:L33"/>
    <mergeCell ref="A2:M2"/>
    <mergeCell ref="A3:M3"/>
    <mergeCell ref="A4:M4"/>
    <mergeCell ref="I21:L21"/>
    <mergeCell ref="E23:H23"/>
    <mergeCell ref="I23:L23"/>
    <mergeCell ref="I24:L24"/>
    <mergeCell ref="E27:H29"/>
    <mergeCell ref="I17:L17"/>
    <mergeCell ref="B18:D20"/>
    <mergeCell ref="I18:L18"/>
    <mergeCell ref="E19:H19"/>
    <mergeCell ref="I19:L19"/>
    <mergeCell ref="T27:AA27"/>
    <mergeCell ref="I28:L28"/>
    <mergeCell ref="Q28:AA28"/>
    <mergeCell ref="I29:L29"/>
    <mergeCell ref="N30:O30"/>
    <mergeCell ref="Q30:AA30"/>
    <mergeCell ref="I27:L27"/>
    <mergeCell ref="I20:L20"/>
    <mergeCell ref="A14:D14"/>
    <mergeCell ref="I14:L14"/>
    <mergeCell ref="A15:D15"/>
    <mergeCell ref="I15:L15"/>
    <mergeCell ref="A16:D16"/>
    <mergeCell ref="I16:L16"/>
    <mergeCell ref="A10:D10"/>
    <mergeCell ref="Y10:AB10"/>
    <mergeCell ref="Y11:AB11"/>
    <mergeCell ref="A13:D13"/>
    <mergeCell ref="E13:H13"/>
    <mergeCell ref="I13:L13"/>
    <mergeCell ref="A8:D9"/>
    <mergeCell ref="E8:H8"/>
    <mergeCell ref="I8:AG8"/>
    <mergeCell ref="AH8:AM9"/>
    <mergeCell ref="AN8:AP8"/>
    <mergeCell ref="E9:H9"/>
    <mergeCell ref="I9:L9"/>
    <mergeCell ref="M9:AG9"/>
    <mergeCell ref="AN9:AP9"/>
  </mergeCells>
  <phoneticPr fontId="20"/>
  <dataValidations count="1">
    <dataValidation type="list" allowBlank="1" showInputMessage="1" showErrorMessage="1" sqref="AH27:AH28 AH32:AH33 O24 O26 U26 X26 M27:M29 AH10:AH17 O33 R33 V33 O35 R35 V35 O37 R37 V37 O39 R39 V39 O41 R41 V41 AH23:AH25 A18:A19 U24 X24 Q17:Q21 M31 Q13:Q15 T13:T15 T17:T21 AH19:AH21 M13:M22">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P255"/>
  <sheetViews>
    <sheetView showGridLines="0" view="pageBreakPreview" zoomScale="85" zoomScaleNormal="70" zoomScaleSheetLayoutView="85" workbookViewId="0"/>
  </sheetViews>
  <sheetFormatPr defaultRowHeight="12" x14ac:dyDescent="0.15"/>
  <cols>
    <col min="1" max="43" width="2.625" style="91" customWidth="1"/>
    <col min="44" max="16384" width="9" style="91"/>
  </cols>
  <sheetData>
    <row r="1" spans="1:42" ht="30" customHeight="1" x14ac:dyDescent="0.15">
      <c r="A1" s="87" t="s">
        <v>661</v>
      </c>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M1" s="88"/>
      <c r="AP1" s="261" t="s">
        <v>646</v>
      </c>
    </row>
    <row r="2" spans="1:42" ht="15.75" customHeight="1" x14ac:dyDescent="0.15">
      <c r="B2" s="88"/>
      <c r="C2" s="88"/>
      <c r="D2" s="88"/>
      <c r="E2" s="88"/>
      <c r="F2" s="89"/>
      <c r="G2" s="89"/>
      <c r="H2" s="89"/>
      <c r="I2" s="88"/>
      <c r="J2" s="88"/>
      <c r="K2" s="88"/>
      <c r="L2" s="88"/>
      <c r="M2" s="88"/>
      <c r="N2" s="88"/>
      <c r="O2" s="88"/>
      <c r="P2" s="88"/>
      <c r="Q2" s="88"/>
      <c r="R2" s="88"/>
      <c r="S2" s="88"/>
      <c r="T2" s="88"/>
      <c r="U2" s="88"/>
      <c r="V2" s="88"/>
      <c r="W2" s="88"/>
      <c r="X2" s="88"/>
      <c r="Y2" s="88"/>
      <c r="Z2" s="88"/>
      <c r="AA2" s="88"/>
      <c r="AB2" s="88"/>
      <c r="AC2" s="88"/>
      <c r="AD2" s="88"/>
      <c r="AE2" s="88"/>
      <c r="AF2" s="88"/>
      <c r="AG2" s="88"/>
      <c r="AH2" s="88"/>
      <c r="AI2" s="88"/>
      <c r="AJ2" s="88"/>
      <c r="AK2" s="88"/>
      <c r="AL2" s="88"/>
      <c r="AM2" s="88"/>
      <c r="AP2" s="90"/>
    </row>
    <row r="3" spans="1:42" ht="15.95" customHeight="1" x14ac:dyDescent="0.15">
      <c r="A3" s="452" t="s">
        <v>55</v>
      </c>
      <c r="B3" s="453"/>
      <c r="C3" s="453"/>
      <c r="D3" s="453"/>
      <c r="E3" s="437" t="s">
        <v>56</v>
      </c>
      <c r="F3" s="438"/>
      <c r="G3" s="438"/>
      <c r="H3" s="439"/>
      <c r="I3" s="459" t="s">
        <v>774</v>
      </c>
      <c r="J3" s="459"/>
      <c r="K3" s="459"/>
      <c r="L3" s="459"/>
      <c r="M3" s="459"/>
      <c r="N3" s="459"/>
      <c r="O3" s="459"/>
      <c r="P3" s="459"/>
      <c r="Q3" s="459"/>
      <c r="R3" s="459"/>
      <c r="S3" s="459"/>
      <c r="T3" s="459"/>
      <c r="U3" s="459"/>
      <c r="V3" s="459"/>
      <c r="W3" s="459"/>
      <c r="X3" s="459"/>
      <c r="Y3" s="459"/>
      <c r="Z3" s="459"/>
      <c r="AA3" s="459"/>
      <c r="AB3" s="459"/>
      <c r="AC3" s="459"/>
      <c r="AD3" s="459"/>
      <c r="AE3" s="459"/>
      <c r="AF3" s="459"/>
      <c r="AG3" s="459"/>
      <c r="AH3" s="452" t="s">
        <v>59</v>
      </c>
      <c r="AI3" s="453"/>
      <c r="AJ3" s="453"/>
      <c r="AK3" s="453"/>
      <c r="AL3" s="453"/>
      <c r="AM3" s="454"/>
      <c r="AN3" s="453" t="s">
        <v>60</v>
      </c>
      <c r="AO3" s="453"/>
      <c r="AP3" s="454"/>
    </row>
    <row r="4" spans="1:42" ht="15.95" customHeight="1" x14ac:dyDescent="0.15">
      <c r="A4" s="455"/>
      <c r="B4" s="456"/>
      <c r="C4" s="456"/>
      <c r="D4" s="456"/>
      <c r="E4" s="461" t="s">
        <v>61</v>
      </c>
      <c r="F4" s="462"/>
      <c r="G4" s="462"/>
      <c r="H4" s="463"/>
      <c r="I4" s="465" t="s">
        <v>61</v>
      </c>
      <c r="J4" s="465"/>
      <c r="K4" s="465"/>
      <c r="L4" s="466"/>
      <c r="M4" s="458" t="s">
        <v>60</v>
      </c>
      <c r="N4" s="459"/>
      <c r="O4" s="459"/>
      <c r="P4" s="459"/>
      <c r="Q4" s="459"/>
      <c r="R4" s="459"/>
      <c r="S4" s="459"/>
      <c r="T4" s="459"/>
      <c r="U4" s="459"/>
      <c r="V4" s="459"/>
      <c r="W4" s="459"/>
      <c r="X4" s="459"/>
      <c r="Y4" s="459"/>
      <c r="Z4" s="459"/>
      <c r="AA4" s="459"/>
      <c r="AB4" s="459"/>
      <c r="AC4" s="459"/>
      <c r="AD4" s="459"/>
      <c r="AE4" s="459"/>
      <c r="AF4" s="459"/>
      <c r="AG4" s="459"/>
      <c r="AH4" s="455"/>
      <c r="AI4" s="456"/>
      <c r="AJ4" s="456"/>
      <c r="AK4" s="456"/>
      <c r="AL4" s="456"/>
      <c r="AM4" s="457"/>
      <c r="AN4" s="456" t="s">
        <v>62</v>
      </c>
      <c r="AO4" s="456"/>
      <c r="AP4" s="457"/>
    </row>
    <row r="5" spans="1:42" ht="15.95" customHeight="1" x14ac:dyDescent="0.15">
      <c r="A5" s="449" t="s">
        <v>319</v>
      </c>
      <c r="B5" s="450"/>
      <c r="C5" s="450"/>
      <c r="D5" s="451"/>
      <c r="E5" s="596" t="s">
        <v>315</v>
      </c>
      <c r="F5" s="510"/>
      <c r="G5" s="510"/>
      <c r="H5" s="510"/>
      <c r="I5" s="510"/>
      <c r="J5" s="510"/>
      <c r="K5" s="510"/>
      <c r="L5" s="510"/>
      <c r="M5" s="146" t="s">
        <v>7</v>
      </c>
      <c r="N5" s="103" t="s">
        <v>316</v>
      </c>
      <c r="O5" s="92"/>
      <c r="P5" s="145"/>
      <c r="R5" s="103"/>
      <c r="S5" s="103" t="s">
        <v>25</v>
      </c>
      <c r="T5" s="151" t="s">
        <v>7</v>
      </c>
      <c r="U5" s="103" t="s">
        <v>317</v>
      </c>
      <c r="V5" s="103"/>
      <c r="W5" s="103"/>
      <c r="X5" s="151" t="s">
        <v>54</v>
      </c>
      <c r="Y5" s="103" t="s">
        <v>318</v>
      </c>
      <c r="Z5" s="103"/>
      <c r="AA5" s="91" t="s">
        <v>26</v>
      </c>
      <c r="AC5" s="102"/>
      <c r="AD5" s="103"/>
      <c r="AE5" s="103"/>
      <c r="AF5" s="103"/>
      <c r="AG5" s="251"/>
      <c r="AH5" s="151" t="s">
        <v>7</v>
      </c>
      <c r="AI5" s="92"/>
      <c r="AJ5" s="92"/>
      <c r="AK5" s="92"/>
      <c r="AL5" s="124"/>
      <c r="AM5" s="124"/>
      <c r="AN5" s="148"/>
      <c r="AO5" s="92"/>
      <c r="AP5" s="145"/>
    </row>
    <row r="6" spans="1:42" ht="15.95" customHeight="1" x14ac:dyDescent="0.15">
      <c r="A6" s="449" t="s">
        <v>321</v>
      </c>
      <c r="B6" s="450"/>
      <c r="C6" s="450"/>
      <c r="D6" s="451"/>
      <c r="E6" s="596"/>
      <c r="F6" s="510"/>
      <c r="G6" s="510"/>
      <c r="H6" s="510"/>
      <c r="I6" s="510"/>
      <c r="J6" s="510"/>
      <c r="K6" s="510"/>
      <c r="L6" s="510"/>
      <c r="M6" s="149"/>
      <c r="N6" s="151" t="s">
        <v>7</v>
      </c>
      <c r="O6" s="103" t="s">
        <v>882</v>
      </c>
      <c r="P6" s="92"/>
      <c r="Q6" s="92"/>
      <c r="T6" s="103"/>
      <c r="U6" s="103"/>
      <c r="V6" s="103"/>
      <c r="W6" s="103"/>
      <c r="X6" s="103"/>
      <c r="Y6" s="103"/>
      <c r="Z6" s="103"/>
      <c r="AA6" s="103"/>
      <c r="AB6" s="103"/>
      <c r="AC6" s="102"/>
      <c r="AD6" s="103"/>
      <c r="AE6" s="103"/>
      <c r="AF6" s="103"/>
      <c r="AG6" s="251"/>
      <c r="AH6" s="124"/>
      <c r="AI6" s="124"/>
      <c r="AJ6" s="92"/>
      <c r="AK6" s="92"/>
      <c r="AL6" s="124"/>
      <c r="AM6" s="124"/>
      <c r="AN6" s="148"/>
      <c r="AO6" s="92"/>
      <c r="AP6" s="145"/>
    </row>
    <row r="7" spans="1:42" ht="15.95" customHeight="1" x14ac:dyDescent="0.15">
      <c r="A7" s="149"/>
      <c r="E7" s="596"/>
      <c r="F7" s="510"/>
      <c r="G7" s="510"/>
      <c r="H7" s="510"/>
      <c r="I7" s="510"/>
      <c r="J7" s="510"/>
      <c r="K7" s="510"/>
      <c r="L7" s="510"/>
      <c r="M7" s="149"/>
      <c r="N7" s="151" t="s">
        <v>54</v>
      </c>
      <c r="O7" s="103" t="s">
        <v>322</v>
      </c>
      <c r="P7" s="92"/>
      <c r="Q7" s="145"/>
      <c r="T7" s="103"/>
      <c r="U7" s="103"/>
      <c r="V7" s="103"/>
      <c r="W7" s="103"/>
      <c r="X7" s="103"/>
      <c r="Y7" s="103"/>
      <c r="Z7" s="103"/>
      <c r="AA7" s="103"/>
      <c r="AB7" s="103"/>
      <c r="AC7" s="102"/>
      <c r="AD7" s="103"/>
      <c r="AE7" s="103"/>
      <c r="AF7" s="103"/>
      <c r="AG7" s="251"/>
      <c r="AH7" s="124"/>
      <c r="AI7" s="124"/>
      <c r="AJ7" s="92"/>
      <c r="AK7" s="92"/>
      <c r="AL7" s="124"/>
      <c r="AM7" s="124"/>
      <c r="AN7" s="148"/>
      <c r="AO7" s="92"/>
      <c r="AP7" s="145"/>
    </row>
    <row r="8" spans="1:42" ht="15.95" customHeight="1" x14ac:dyDescent="0.15">
      <c r="A8" s="146" t="s">
        <v>7</v>
      </c>
      <c r="B8" s="538" t="s">
        <v>668</v>
      </c>
      <c r="C8" s="538"/>
      <c r="D8" s="539"/>
      <c r="E8" s="596"/>
      <c r="F8" s="510"/>
      <c r="G8" s="510"/>
      <c r="H8" s="510"/>
      <c r="I8" s="510"/>
      <c r="J8" s="510"/>
      <c r="K8" s="510"/>
      <c r="L8" s="510"/>
      <c r="M8" s="146" t="s">
        <v>54</v>
      </c>
      <c r="N8" s="103" t="s">
        <v>323</v>
      </c>
      <c r="O8" s="92"/>
      <c r="P8" s="145"/>
      <c r="R8" s="103"/>
      <c r="S8" s="103"/>
      <c r="T8" s="103"/>
      <c r="U8" s="103"/>
      <c r="V8" s="103"/>
      <c r="W8" s="103"/>
      <c r="X8" s="103"/>
      <c r="Y8" s="103"/>
      <c r="Z8" s="103"/>
      <c r="AA8" s="103"/>
      <c r="AB8" s="103"/>
      <c r="AC8" s="102"/>
      <c r="AD8" s="103"/>
      <c r="AE8" s="103"/>
      <c r="AF8" s="103"/>
      <c r="AG8" s="251"/>
      <c r="AH8" s="102"/>
      <c r="AI8" s="156"/>
      <c r="AJ8" s="92"/>
      <c r="AK8" s="92"/>
      <c r="AL8" s="124"/>
      <c r="AM8" s="124"/>
      <c r="AN8" s="148"/>
      <c r="AO8" s="92"/>
      <c r="AP8" s="145"/>
    </row>
    <row r="9" spans="1:42" ht="15.95" customHeight="1" x14ac:dyDescent="0.15">
      <c r="A9" s="149"/>
      <c r="B9" s="538"/>
      <c r="C9" s="538"/>
      <c r="D9" s="539"/>
      <c r="E9" s="596"/>
      <c r="F9" s="510"/>
      <c r="G9" s="510"/>
      <c r="H9" s="510"/>
      <c r="I9" s="510"/>
      <c r="J9" s="510"/>
      <c r="K9" s="510"/>
      <c r="L9" s="510"/>
      <c r="M9" s="149"/>
      <c r="N9" s="151" t="s">
        <v>54</v>
      </c>
      <c r="O9" s="103" t="s">
        <v>882</v>
      </c>
      <c r="P9" s="92"/>
      <c r="Q9" s="92"/>
      <c r="T9" s="103"/>
      <c r="U9" s="103"/>
      <c r="V9" s="103"/>
      <c r="W9" s="103"/>
      <c r="X9" s="103"/>
      <c r="Y9" s="103"/>
      <c r="Z9" s="103"/>
      <c r="AA9" s="103"/>
      <c r="AB9" s="103"/>
      <c r="AC9" s="102"/>
      <c r="AD9" s="103"/>
      <c r="AE9" s="103"/>
      <c r="AF9" s="103"/>
      <c r="AG9" s="251"/>
      <c r="AH9" s="92"/>
      <c r="AI9" s="92"/>
      <c r="AJ9" s="92"/>
      <c r="AK9" s="92"/>
      <c r="AL9" s="92"/>
      <c r="AM9" s="92"/>
      <c r="AN9" s="148"/>
      <c r="AO9" s="92"/>
      <c r="AP9" s="145"/>
    </row>
    <row r="10" spans="1:42" ht="15.95" customHeight="1" x14ac:dyDescent="0.15">
      <c r="A10" s="149"/>
      <c r="B10" s="538"/>
      <c r="C10" s="538"/>
      <c r="D10" s="539"/>
      <c r="E10" s="596"/>
      <c r="F10" s="510"/>
      <c r="G10" s="510"/>
      <c r="H10" s="510"/>
      <c r="I10" s="510"/>
      <c r="J10" s="510"/>
      <c r="K10" s="510"/>
      <c r="L10" s="510"/>
      <c r="M10" s="219"/>
      <c r="N10" s="126" t="s">
        <v>54</v>
      </c>
      <c r="O10" s="97" t="s">
        <v>322</v>
      </c>
      <c r="P10" s="105"/>
      <c r="Q10" s="170"/>
      <c r="R10" s="116"/>
      <c r="S10" s="116"/>
      <c r="T10" s="97"/>
      <c r="U10" s="97"/>
      <c r="V10" s="97"/>
      <c r="W10" s="97"/>
      <c r="X10" s="97"/>
      <c r="Y10" s="97"/>
      <c r="Z10" s="97"/>
      <c r="AA10" s="97"/>
      <c r="AB10" s="97"/>
      <c r="AC10" s="96"/>
      <c r="AD10" s="97"/>
      <c r="AE10" s="97"/>
      <c r="AF10" s="97"/>
      <c r="AG10" s="191"/>
      <c r="AH10" s="118"/>
      <c r="AI10" s="118"/>
      <c r="AJ10" s="118"/>
      <c r="AK10" s="118"/>
      <c r="AL10" s="118"/>
      <c r="AM10" s="118"/>
      <c r="AN10" s="169"/>
      <c r="AO10" s="105"/>
      <c r="AP10" s="170"/>
    </row>
    <row r="11" spans="1:42" ht="15.95" customHeight="1" x14ac:dyDescent="0.15">
      <c r="A11" s="149"/>
      <c r="E11" s="600" t="s">
        <v>325</v>
      </c>
      <c r="F11" s="601"/>
      <c r="G11" s="601"/>
      <c r="H11" s="602"/>
      <c r="I11" s="437" t="s">
        <v>326</v>
      </c>
      <c r="J11" s="438"/>
      <c r="K11" s="438"/>
      <c r="L11" s="439"/>
      <c r="M11" s="151" t="s">
        <v>54</v>
      </c>
      <c r="N11" s="103" t="s">
        <v>327</v>
      </c>
      <c r="O11" s="103"/>
      <c r="P11" s="92"/>
      <c r="Q11" s="92"/>
      <c r="S11" s="151" t="s">
        <v>54</v>
      </c>
      <c r="T11" s="103" t="s">
        <v>328</v>
      </c>
      <c r="U11" s="103"/>
      <c r="V11" s="92"/>
      <c r="W11" s="103"/>
      <c r="X11" s="103"/>
      <c r="Y11" s="151" t="s">
        <v>54</v>
      </c>
      <c r="Z11" s="103" t="s">
        <v>329</v>
      </c>
      <c r="AA11" s="103"/>
      <c r="AB11" s="92"/>
      <c r="AC11" s="102"/>
      <c r="AD11" s="103"/>
      <c r="AE11" s="103"/>
      <c r="AF11" s="103"/>
      <c r="AG11" s="103"/>
      <c r="AH11" s="138" t="s">
        <v>7</v>
      </c>
      <c r="AI11" s="114"/>
      <c r="AJ11" s="114"/>
      <c r="AK11" s="98"/>
      <c r="AL11" s="206"/>
      <c r="AM11" s="142"/>
      <c r="AN11" s="148"/>
      <c r="AO11" s="92"/>
      <c r="AP11" s="145"/>
    </row>
    <row r="12" spans="1:42" ht="15.95" customHeight="1" x14ac:dyDescent="0.15">
      <c r="A12" s="149"/>
      <c r="E12" s="537"/>
      <c r="F12" s="538"/>
      <c r="G12" s="538"/>
      <c r="H12" s="539"/>
      <c r="I12" s="449"/>
      <c r="J12" s="450"/>
      <c r="K12" s="450"/>
      <c r="L12" s="451"/>
      <c r="M12" s="151" t="s">
        <v>54</v>
      </c>
      <c r="N12" s="103" t="s">
        <v>330</v>
      </c>
      <c r="O12" s="103"/>
      <c r="P12" s="92"/>
      <c r="Q12" s="92"/>
      <c r="S12" s="151" t="s">
        <v>54</v>
      </c>
      <c r="T12" s="103" t="s">
        <v>331</v>
      </c>
      <c r="U12" s="103"/>
      <c r="V12" s="92"/>
      <c r="W12" s="103"/>
      <c r="X12" s="103"/>
      <c r="Y12" s="151" t="s">
        <v>7</v>
      </c>
      <c r="Z12" s="103" t="s">
        <v>332</v>
      </c>
      <c r="AA12" s="103"/>
      <c r="AB12" s="103"/>
      <c r="AC12" s="102"/>
      <c r="AD12" s="103"/>
      <c r="AE12" s="103"/>
      <c r="AF12" s="103"/>
      <c r="AG12" s="103"/>
      <c r="AH12" s="149"/>
      <c r="AJ12" s="124"/>
      <c r="AK12" s="92"/>
      <c r="AL12" s="103"/>
      <c r="AM12" s="145"/>
      <c r="AN12" s="148"/>
      <c r="AO12" s="92"/>
      <c r="AP12" s="145"/>
    </row>
    <row r="13" spans="1:42" ht="15.95" customHeight="1" x14ac:dyDescent="0.15">
      <c r="A13" s="149"/>
      <c r="E13" s="537"/>
      <c r="F13" s="538"/>
      <c r="G13" s="538"/>
      <c r="H13" s="539"/>
      <c r="I13" s="461"/>
      <c r="J13" s="462"/>
      <c r="K13" s="462"/>
      <c r="L13" s="463"/>
      <c r="M13" s="167" t="s">
        <v>54</v>
      </c>
      <c r="N13" s="97" t="s">
        <v>333</v>
      </c>
      <c r="O13" s="97"/>
      <c r="P13" s="105"/>
      <c r="Q13" s="105"/>
      <c r="R13" s="116"/>
      <c r="S13" s="151" t="s">
        <v>54</v>
      </c>
      <c r="T13" s="97" t="s">
        <v>334</v>
      </c>
      <c r="U13" s="97"/>
      <c r="V13" s="105"/>
      <c r="W13" s="97"/>
      <c r="X13" s="97"/>
      <c r="Y13" s="116"/>
      <c r="Z13" s="97"/>
      <c r="AA13" s="97"/>
      <c r="AB13" s="97"/>
      <c r="AC13" s="96"/>
      <c r="AD13" s="97"/>
      <c r="AE13" s="97"/>
      <c r="AF13" s="97"/>
      <c r="AG13" s="97"/>
      <c r="AH13" s="219"/>
      <c r="AI13" s="116"/>
      <c r="AJ13" s="116"/>
      <c r="AK13" s="116"/>
      <c r="AL13" s="118"/>
      <c r="AM13" s="216"/>
      <c r="AN13" s="169"/>
      <c r="AO13" s="105"/>
      <c r="AP13" s="170"/>
    </row>
    <row r="14" spans="1:42" ht="15.95" customHeight="1" x14ac:dyDescent="0.15">
      <c r="A14" s="149"/>
      <c r="E14" s="537"/>
      <c r="F14" s="538"/>
      <c r="G14" s="538"/>
      <c r="H14" s="539"/>
      <c r="I14" s="600" t="s">
        <v>335</v>
      </c>
      <c r="J14" s="601"/>
      <c r="K14" s="601"/>
      <c r="L14" s="602"/>
      <c r="M14" s="141" t="s">
        <v>336</v>
      </c>
      <c r="N14" s="208"/>
      <c r="O14" s="98" t="s">
        <v>25</v>
      </c>
      <c r="P14" s="453"/>
      <c r="Q14" s="453"/>
      <c r="R14" s="453"/>
      <c r="S14" s="453"/>
      <c r="T14" s="453"/>
      <c r="U14" s="453"/>
      <c r="V14" s="453"/>
      <c r="W14" s="453"/>
      <c r="X14" s="453"/>
      <c r="Y14" s="453"/>
      <c r="Z14" s="453"/>
      <c r="AA14" s="453"/>
      <c r="AB14" s="453"/>
      <c r="AC14" s="453"/>
      <c r="AD14" s="114" t="s">
        <v>26</v>
      </c>
      <c r="AH14" s="138" t="s">
        <v>7</v>
      </c>
      <c r="AI14" s="98" t="s">
        <v>69</v>
      </c>
      <c r="AJ14" s="140"/>
      <c r="AK14" s="114"/>
      <c r="AL14" s="114"/>
      <c r="AM14" s="142"/>
      <c r="AN14" s="148"/>
      <c r="AO14" s="92"/>
      <c r="AP14" s="145"/>
    </row>
    <row r="15" spans="1:42" ht="15.95" customHeight="1" x14ac:dyDescent="0.15">
      <c r="A15" s="162"/>
      <c r="B15" s="153"/>
      <c r="C15" s="153"/>
      <c r="D15" s="154"/>
      <c r="E15" s="537"/>
      <c r="F15" s="538"/>
      <c r="G15" s="538"/>
      <c r="H15" s="539"/>
      <c r="I15" s="537"/>
      <c r="J15" s="538"/>
      <c r="K15" s="538"/>
      <c r="L15" s="539"/>
      <c r="M15" s="264"/>
      <c r="N15" s="128"/>
      <c r="O15" s="129" t="s">
        <v>25</v>
      </c>
      <c r="P15" s="432"/>
      <c r="Q15" s="432"/>
      <c r="R15" s="432"/>
      <c r="S15" s="160" t="s">
        <v>337</v>
      </c>
      <c r="T15" s="130"/>
      <c r="U15" s="129"/>
      <c r="V15" s="128" t="s">
        <v>338</v>
      </c>
      <c r="W15" s="128"/>
      <c r="X15" s="129"/>
      <c r="Y15" s="128"/>
      <c r="Z15" s="128"/>
      <c r="AA15" s="130"/>
      <c r="AB15" s="128"/>
      <c r="AC15" s="160"/>
      <c r="AD15" s="160" t="s">
        <v>339</v>
      </c>
      <c r="AE15" s="160"/>
      <c r="AF15" s="160"/>
      <c r="AG15" s="128"/>
      <c r="AH15" s="146" t="s">
        <v>7</v>
      </c>
      <c r="AI15" s="92" t="s">
        <v>122</v>
      </c>
      <c r="AJ15" s="151"/>
      <c r="AM15" s="145"/>
      <c r="AN15" s="148"/>
      <c r="AO15" s="92"/>
      <c r="AP15" s="145"/>
    </row>
    <row r="16" spans="1:42" ht="15.95" customHeight="1" x14ac:dyDescent="0.15">
      <c r="A16" s="162"/>
      <c r="B16" s="153"/>
      <c r="C16" s="153"/>
      <c r="D16" s="154"/>
      <c r="E16" s="537"/>
      <c r="F16" s="538"/>
      <c r="G16" s="538"/>
      <c r="H16" s="539"/>
      <c r="I16" s="537"/>
      <c r="J16" s="538"/>
      <c r="K16" s="538"/>
      <c r="L16" s="539"/>
      <c r="M16" s="265" t="s">
        <v>340</v>
      </c>
      <c r="N16" s="125"/>
      <c r="O16" s="122" t="s">
        <v>25</v>
      </c>
      <c r="P16" s="430"/>
      <c r="Q16" s="430"/>
      <c r="R16" s="430"/>
      <c r="S16" s="430"/>
      <c r="T16" s="430"/>
      <c r="U16" s="430"/>
      <c r="V16" s="430"/>
      <c r="W16" s="430"/>
      <c r="X16" s="430"/>
      <c r="Y16" s="430"/>
      <c r="Z16" s="430"/>
      <c r="AA16" s="430"/>
      <c r="AB16" s="430"/>
      <c r="AC16" s="430"/>
      <c r="AD16" s="123" t="s">
        <v>26</v>
      </c>
      <c r="AE16" s="123"/>
      <c r="AF16" s="123"/>
      <c r="AG16" s="125"/>
      <c r="AH16" s="146" t="s">
        <v>7</v>
      </c>
      <c r="AI16" s="92"/>
      <c r="AJ16" s="92"/>
      <c r="AM16" s="145"/>
      <c r="AN16" s="148"/>
      <c r="AO16" s="92"/>
      <c r="AP16" s="145"/>
    </row>
    <row r="17" spans="1:42" ht="15.95" customHeight="1" x14ac:dyDescent="0.15">
      <c r="A17" s="162"/>
      <c r="B17" s="153"/>
      <c r="C17" s="153"/>
      <c r="D17" s="154"/>
      <c r="E17" s="537"/>
      <c r="F17" s="538"/>
      <c r="G17" s="538"/>
      <c r="H17" s="539"/>
      <c r="I17" s="537"/>
      <c r="J17" s="538"/>
      <c r="K17" s="538"/>
      <c r="L17" s="539"/>
      <c r="M17" s="264"/>
      <c r="N17" s="128"/>
      <c r="O17" s="129" t="s">
        <v>25</v>
      </c>
      <c r="P17" s="432"/>
      <c r="Q17" s="432"/>
      <c r="R17" s="432"/>
      <c r="S17" s="160" t="s">
        <v>337</v>
      </c>
      <c r="T17" s="130"/>
      <c r="U17" s="129"/>
      <c r="V17" s="128" t="s">
        <v>338</v>
      </c>
      <c r="W17" s="128"/>
      <c r="X17" s="129"/>
      <c r="Y17" s="128"/>
      <c r="Z17" s="128"/>
      <c r="AA17" s="632"/>
      <c r="AB17" s="632"/>
      <c r="AC17" s="160"/>
      <c r="AD17" s="160" t="s">
        <v>339</v>
      </c>
      <c r="AE17" s="160"/>
      <c r="AF17" s="160"/>
      <c r="AG17" s="128"/>
      <c r="AH17" s="149"/>
      <c r="AJ17" s="124"/>
      <c r="AK17" s="92"/>
      <c r="AL17" s="151"/>
      <c r="AM17" s="145"/>
      <c r="AN17" s="148"/>
      <c r="AO17" s="92"/>
      <c r="AP17" s="145"/>
    </row>
    <row r="18" spans="1:42" ht="15.95" customHeight="1" x14ac:dyDescent="0.15">
      <c r="A18" s="162"/>
      <c r="B18" s="153"/>
      <c r="C18" s="153"/>
      <c r="D18" s="154"/>
      <c r="E18" s="537"/>
      <c r="F18" s="538"/>
      <c r="G18" s="538"/>
      <c r="H18" s="539"/>
      <c r="I18" s="537"/>
      <c r="J18" s="538"/>
      <c r="K18" s="538"/>
      <c r="L18" s="539"/>
      <c r="M18" s="265" t="s">
        <v>341</v>
      </c>
      <c r="N18" s="125"/>
      <c r="O18" s="122" t="s">
        <v>25</v>
      </c>
      <c r="P18" s="430"/>
      <c r="Q18" s="430"/>
      <c r="R18" s="430"/>
      <c r="S18" s="430"/>
      <c r="T18" s="430"/>
      <c r="U18" s="430"/>
      <c r="V18" s="430"/>
      <c r="W18" s="430"/>
      <c r="X18" s="430"/>
      <c r="Y18" s="430"/>
      <c r="Z18" s="430"/>
      <c r="AA18" s="430"/>
      <c r="AB18" s="430"/>
      <c r="AC18" s="430"/>
      <c r="AD18" s="123" t="s">
        <v>26</v>
      </c>
      <c r="AE18" s="123"/>
      <c r="AF18" s="123"/>
      <c r="AG18" s="125"/>
      <c r="AH18" s="149"/>
      <c r="AJ18" s="124"/>
      <c r="AK18" s="92"/>
      <c r="AL18" s="151"/>
      <c r="AM18" s="145"/>
      <c r="AN18" s="148"/>
      <c r="AO18" s="92"/>
      <c r="AP18" s="145"/>
    </row>
    <row r="19" spans="1:42" ht="15.95" customHeight="1" x14ac:dyDescent="0.15">
      <c r="A19" s="162"/>
      <c r="B19" s="153"/>
      <c r="C19" s="153"/>
      <c r="D19" s="154"/>
      <c r="E19" s="537"/>
      <c r="F19" s="538"/>
      <c r="G19" s="538"/>
      <c r="H19" s="539"/>
      <c r="I19" s="537"/>
      <c r="J19" s="538"/>
      <c r="K19" s="538"/>
      <c r="L19" s="539"/>
      <c r="M19" s="264"/>
      <c r="N19" s="128"/>
      <c r="O19" s="129" t="s">
        <v>25</v>
      </c>
      <c r="P19" s="432"/>
      <c r="Q19" s="432"/>
      <c r="R19" s="432"/>
      <c r="S19" s="160" t="s">
        <v>337</v>
      </c>
      <c r="T19" s="130"/>
      <c r="U19" s="129"/>
      <c r="V19" s="128" t="s">
        <v>338</v>
      </c>
      <c r="W19" s="128"/>
      <c r="X19" s="129"/>
      <c r="Y19" s="128"/>
      <c r="Z19" s="128"/>
      <c r="AA19" s="632"/>
      <c r="AB19" s="632"/>
      <c r="AC19" s="160"/>
      <c r="AD19" s="160" t="s">
        <v>339</v>
      </c>
      <c r="AE19" s="160"/>
      <c r="AF19" s="160"/>
      <c r="AG19" s="128"/>
      <c r="AH19" s="149"/>
      <c r="AJ19" s="124"/>
      <c r="AK19" s="92"/>
      <c r="AL19" s="151"/>
      <c r="AM19" s="145"/>
      <c r="AN19" s="148"/>
      <c r="AO19" s="92"/>
      <c r="AP19" s="145"/>
    </row>
    <row r="20" spans="1:42" ht="15.95" customHeight="1" x14ac:dyDescent="0.15">
      <c r="A20" s="162"/>
      <c r="B20" s="153"/>
      <c r="C20" s="153"/>
      <c r="D20" s="154"/>
      <c r="E20" s="537"/>
      <c r="F20" s="538"/>
      <c r="G20" s="538"/>
      <c r="H20" s="539"/>
      <c r="I20" s="537"/>
      <c r="J20" s="538"/>
      <c r="K20" s="538"/>
      <c r="L20" s="539"/>
      <c r="M20" s="148" t="s">
        <v>342</v>
      </c>
      <c r="N20" s="103"/>
      <c r="O20" s="92" t="s">
        <v>343</v>
      </c>
      <c r="P20" s="92"/>
      <c r="Q20" s="92"/>
      <c r="R20" s="92"/>
      <c r="S20" s="92"/>
      <c r="T20" s="91" t="s">
        <v>144</v>
      </c>
      <c r="U20" s="430"/>
      <c r="V20" s="430"/>
      <c r="W20" s="430"/>
      <c r="X20" s="430"/>
      <c r="Y20" s="430"/>
      <c r="Z20" s="430"/>
      <c r="AA20" s="430"/>
      <c r="AB20" s="430"/>
      <c r="AC20" s="430"/>
      <c r="AD20" s="103" t="s">
        <v>26</v>
      </c>
      <c r="AE20" s="103"/>
      <c r="AF20" s="103"/>
      <c r="AG20" s="103"/>
      <c r="AH20" s="149"/>
      <c r="AJ20" s="124"/>
      <c r="AK20" s="92"/>
      <c r="AL20" s="151"/>
      <c r="AM20" s="145"/>
      <c r="AN20" s="148"/>
      <c r="AO20" s="92"/>
      <c r="AP20" s="145"/>
    </row>
    <row r="21" spans="1:42" ht="15.95" customHeight="1" x14ac:dyDescent="0.15">
      <c r="A21" s="162"/>
      <c r="B21" s="153"/>
      <c r="C21" s="153"/>
      <c r="D21" s="154"/>
      <c r="E21" s="537"/>
      <c r="F21" s="538"/>
      <c r="G21" s="538"/>
      <c r="H21" s="539"/>
      <c r="I21" s="537"/>
      <c r="J21" s="538"/>
      <c r="K21" s="538"/>
      <c r="L21" s="539"/>
      <c r="M21" s="148"/>
      <c r="N21" s="103"/>
      <c r="O21" s="92" t="s">
        <v>25</v>
      </c>
      <c r="P21" s="431"/>
      <c r="Q21" s="431"/>
      <c r="R21" s="431"/>
      <c r="S21" s="102" t="s">
        <v>337</v>
      </c>
      <c r="U21" s="92"/>
      <c r="V21" s="103" t="s">
        <v>338</v>
      </c>
      <c r="W21" s="103"/>
      <c r="X21" s="92"/>
      <c r="Y21" s="103"/>
      <c r="Z21" s="103"/>
      <c r="AB21" s="103"/>
      <c r="AC21" s="102"/>
      <c r="AD21" s="102" t="s">
        <v>339</v>
      </c>
      <c r="AE21" s="102"/>
      <c r="AF21" s="102"/>
      <c r="AG21" s="103"/>
      <c r="AH21" s="149"/>
      <c r="AJ21" s="124"/>
      <c r="AK21" s="124"/>
      <c r="AL21" s="124"/>
      <c r="AM21" s="145"/>
      <c r="AN21" s="148"/>
      <c r="AO21" s="92"/>
      <c r="AP21" s="145"/>
    </row>
    <row r="22" spans="1:42" ht="15.95" customHeight="1" x14ac:dyDescent="0.15">
      <c r="A22" s="162"/>
      <c r="B22" s="153"/>
      <c r="C22" s="153"/>
      <c r="D22" s="154"/>
      <c r="E22" s="537"/>
      <c r="F22" s="538"/>
      <c r="G22" s="538"/>
      <c r="H22" s="539"/>
      <c r="I22" s="537"/>
      <c r="J22" s="538"/>
      <c r="K22" s="538"/>
      <c r="L22" s="539"/>
      <c r="M22" s="148"/>
      <c r="N22" s="103"/>
      <c r="O22" s="103" t="s">
        <v>344</v>
      </c>
      <c r="P22" s="92"/>
      <c r="Q22" s="92"/>
      <c r="R22" s="92"/>
      <c r="T22" s="91" t="s">
        <v>144</v>
      </c>
      <c r="U22" s="479"/>
      <c r="V22" s="479"/>
      <c r="W22" s="479"/>
      <c r="X22" s="479"/>
      <c r="Y22" s="479"/>
      <c r="Z22" s="479"/>
      <c r="AA22" s="479"/>
      <c r="AB22" s="479"/>
      <c r="AC22" s="479"/>
      <c r="AD22" s="103" t="s">
        <v>26</v>
      </c>
      <c r="AE22" s="103"/>
      <c r="AF22" s="103"/>
      <c r="AG22" s="103"/>
      <c r="AH22" s="149"/>
      <c r="AJ22" s="124"/>
      <c r="AK22" s="124"/>
      <c r="AL22" s="124"/>
      <c r="AM22" s="157"/>
      <c r="AN22" s="148"/>
      <c r="AO22" s="92"/>
      <c r="AP22" s="145"/>
    </row>
    <row r="23" spans="1:42" ht="15.95" customHeight="1" x14ac:dyDescent="0.15">
      <c r="A23" s="162"/>
      <c r="B23" s="153"/>
      <c r="C23" s="153"/>
      <c r="D23" s="154"/>
      <c r="E23" s="537"/>
      <c r="F23" s="538"/>
      <c r="G23" s="538"/>
      <c r="H23" s="539"/>
      <c r="I23" s="537"/>
      <c r="J23" s="538"/>
      <c r="K23" s="538"/>
      <c r="L23" s="539"/>
      <c r="M23" s="264"/>
      <c r="N23" s="128"/>
      <c r="O23" s="129" t="s">
        <v>25</v>
      </c>
      <c r="P23" s="432"/>
      <c r="Q23" s="432"/>
      <c r="R23" s="432"/>
      <c r="S23" s="160" t="s">
        <v>337</v>
      </c>
      <c r="T23" s="130"/>
      <c r="U23" s="129"/>
      <c r="V23" s="128" t="s">
        <v>338</v>
      </c>
      <c r="W23" s="128"/>
      <c r="X23" s="129"/>
      <c r="Y23" s="128"/>
      <c r="Z23" s="128"/>
      <c r="AA23" s="632"/>
      <c r="AB23" s="632"/>
      <c r="AC23" s="160"/>
      <c r="AD23" s="160" t="s">
        <v>339</v>
      </c>
      <c r="AE23" s="160"/>
      <c r="AF23" s="160"/>
      <c r="AG23" s="128"/>
      <c r="AH23" s="149"/>
      <c r="AJ23" s="124"/>
      <c r="AK23" s="124"/>
      <c r="AL23" s="124"/>
      <c r="AM23" s="157"/>
      <c r="AN23" s="148"/>
      <c r="AO23" s="92"/>
      <c r="AP23" s="145"/>
    </row>
    <row r="24" spans="1:42" ht="15.95" customHeight="1" x14ac:dyDescent="0.15">
      <c r="A24" s="162"/>
      <c r="B24" s="153"/>
      <c r="C24" s="153"/>
      <c r="D24" s="154"/>
      <c r="E24" s="537"/>
      <c r="F24" s="538"/>
      <c r="G24" s="538"/>
      <c r="H24" s="539"/>
      <c r="I24" s="537"/>
      <c r="J24" s="538"/>
      <c r="K24" s="538"/>
      <c r="L24" s="539"/>
      <c r="M24" s="148" t="s">
        <v>345</v>
      </c>
      <c r="N24" s="103"/>
      <c r="O24" s="103"/>
      <c r="P24" s="92"/>
      <c r="Q24" s="92"/>
      <c r="R24" s="92" t="s">
        <v>343</v>
      </c>
      <c r="S24" s="92"/>
      <c r="T24" s="92"/>
      <c r="U24" s="92"/>
      <c r="V24" s="92"/>
      <c r="W24" s="92" t="s">
        <v>25</v>
      </c>
      <c r="X24" s="92"/>
      <c r="Y24" s="92"/>
      <c r="Z24" s="92"/>
      <c r="AA24" s="92"/>
      <c r="AB24" s="92"/>
      <c r="AC24" s="92"/>
      <c r="AD24" s="103" t="s">
        <v>26</v>
      </c>
      <c r="AE24" s="103"/>
      <c r="AF24" s="103"/>
      <c r="AG24" s="103"/>
      <c r="AH24" s="149"/>
      <c r="AJ24" s="124"/>
      <c r="AK24" s="124"/>
      <c r="AL24" s="124"/>
      <c r="AM24" s="157"/>
      <c r="AN24" s="148"/>
      <c r="AO24" s="92"/>
      <c r="AP24" s="145"/>
    </row>
    <row r="25" spans="1:42" ht="15.95" customHeight="1" x14ac:dyDescent="0.15">
      <c r="A25" s="162"/>
      <c r="B25" s="153"/>
      <c r="C25" s="153"/>
      <c r="D25" s="154"/>
      <c r="E25" s="537"/>
      <c r="F25" s="538"/>
      <c r="G25" s="538"/>
      <c r="H25" s="539"/>
      <c r="I25" s="537"/>
      <c r="J25" s="538"/>
      <c r="K25" s="538"/>
      <c r="L25" s="539"/>
      <c r="M25" s="148"/>
      <c r="N25" s="103"/>
      <c r="O25" s="92" t="s">
        <v>25</v>
      </c>
      <c r="P25" s="431"/>
      <c r="Q25" s="431"/>
      <c r="R25" s="431"/>
      <c r="S25" s="102" t="s">
        <v>337</v>
      </c>
      <c r="U25" s="92"/>
      <c r="V25" s="103" t="s">
        <v>338</v>
      </c>
      <c r="W25" s="103"/>
      <c r="X25" s="92"/>
      <c r="Y25" s="103"/>
      <c r="Z25" s="103"/>
      <c r="AA25" s="479"/>
      <c r="AB25" s="479"/>
      <c r="AC25" s="102"/>
      <c r="AD25" s="102" t="s">
        <v>339</v>
      </c>
      <c r="AE25" s="102"/>
      <c r="AF25" s="102"/>
      <c r="AG25" s="103"/>
      <c r="AH25" s="149"/>
      <c r="AJ25" s="124"/>
      <c r="AK25" s="124"/>
      <c r="AL25" s="124"/>
      <c r="AM25" s="157"/>
      <c r="AN25" s="148"/>
      <c r="AO25" s="92"/>
      <c r="AP25" s="145"/>
    </row>
    <row r="26" spans="1:42" ht="15.95" customHeight="1" x14ac:dyDescent="0.15">
      <c r="A26" s="162"/>
      <c r="B26" s="153"/>
      <c r="C26" s="153"/>
      <c r="D26" s="154"/>
      <c r="E26" s="537"/>
      <c r="F26" s="538"/>
      <c r="G26" s="538"/>
      <c r="H26" s="539"/>
      <c r="I26" s="537"/>
      <c r="J26" s="538"/>
      <c r="K26" s="538"/>
      <c r="L26" s="539"/>
      <c r="M26" s="148"/>
      <c r="N26" s="103"/>
      <c r="O26" s="103"/>
      <c r="P26" s="92"/>
      <c r="Q26" s="92"/>
      <c r="R26" s="103" t="s">
        <v>344</v>
      </c>
      <c r="S26" s="92"/>
      <c r="T26" s="92"/>
      <c r="U26" s="92"/>
      <c r="V26" s="175"/>
      <c r="W26" s="92" t="s">
        <v>144</v>
      </c>
      <c r="X26" s="92"/>
      <c r="Y26" s="92"/>
      <c r="Z26" s="92"/>
      <c r="AA26" s="92"/>
      <c r="AB26" s="92"/>
      <c r="AC26" s="92"/>
      <c r="AD26" s="103" t="s">
        <v>26</v>
      </c>
      <c r="AE26" s="103"/>
      <c r="AF26" s="103"/>
      <c r="AG26" s="103"/>
      <c r="AH26" s="149"/>
      <c r="AJ26" s="124"/>
      <c r="AK26" s="124"/>
      <c r="AL26" s="124"/>
      <c r="AM26" s="157"/>
      <c r="AN26" s="148"/>
      <c r="AO26" s="92"/>
      <c r="AP26" s="145"/>
    </row>
    <row r="27" spans="1:42" ht="15.95" customHeight="1" x14ac:dyDescent="0.15">
      <c r="A27" s="162"/>
      <c r="B27" s="153"/>
      <c r="C27" s="153"/>
      <c r="D27" s="154"/>
      <c r="E27" s="603"/>
      <c r="F27" s="604"/>
      <c r="G27" s="604"/>
      <c r="H27" s="605"/>
      <c r="I27" s="603"/>
      <c r="J27" s="604"/>
      <c r="K27" s="604"/>
      <c r="L27" s="605"/>
      <c r="M27" s="266"/>
      <c r="N27" s="97"/>
      <c r="O27" s="105" t="s">
        <v>25</v>
      </c>
      <c r="P27" s="456"/>
      <c r="Q27" s="456"/>
      <c r="R27" s="456"/>
      <c r="S27" s="96" t="s">
        <v>337</v>
      </c>
      <c r="T27" s="116"/>
      <c r="U27" s="105"/>
      <c r="V27" s="97" t="s">
        <v>338</v>
      </c>
      <c r="W27" s="97"/>
      <c r="X27" s="105"/>
      <c r="Y27" s="97"/>
      <c r="Z27" s="97"/>
      <c r="AA27" s="468"/>
      <c r="AB27" s="468"/>
      <c r="AC27" s="96"/>
      <c r="AD27" s="96" t="s">
        <v>339</v>
      </c>
      <c r="AE27" s="96"/>
      <c r="AF27" s="96"/>
      <c r="AG27" s="97"/>
      <c r="AH27" s="219"/>
      <c r="AI27" s="116"/>
      <c r="AJ27" s="118"/>
      <c r="AK27" s="118"/>
      <c r="AL27" s="118"/>
      <c r="AM27" s="216"/>
      <c r="AN27" s="169"/>
      <c r="AO27" s="105"/>
      <c r="AP27" s="170"/>
    </row>
    <row r="28" spans="1:42" ht="15.95" customHeight="1" x14ac:dyDescent="0.15">
      <c r="A28" s="162"/>
      <c r="B28" s="153"/>
      <c r="C28" s="153"/>
      <c r="D28" s="154"/>
      <c r="E28" s="537" t="s">
        <v>346</v>
      </c>
      <c r="F28" s="538"/>
      <c r="G28" s="538"/>
      <c r="H28" s="539"/>
      <c r="I28" s="537" t="s">
        <v>347</v>
      </c>
      <c r="J28" s="538"/>
      <c r="K28" s="538"/>
      <c r="L28" s="539"/>
      <c r="M28" s="452" t="s">
        <v>348</v>
      </c>
      <c r="N28" s="453"/>
      <c r="O28" s="453"/>
      <c r="P28" s="453"/>
      <c r="Q28" s="453"/>
      <c r="R28" s="453"/>
      <c r="S28" s="453"/>
      <c r="T28" s="453"/>
      <c r="U28" s="453"/>
      <c r="V28" s="453"/>
      <c r="W28" s="453"/>
      <c r="X28" s="453"/>
      <c r="Y28" s="453"/>
      <c r="Z28" s="453"/>
      <c r="AA28" s="453"/>
      <c r="AB28" s="453"/>
      <c r="AC28" s="453"/>
      <c r="AD28" s="453"/>
      <c r="AE28" s="453"/>
      <c r="AF28" s="453"/>
      <c r="AG28" s="454"/>
      <c r="AH28" s="146" t="s">
        <v>7</v>
      </c>
      <c r="AI28" s="92" t="s">
        <v>69</v>
      </c>
      <c r="AK28" s="124"/>
      <c r="AL28" s="151"/>
      <c r="AM28" s="92"/>
      <c r="AN28" s="148"/>
      <c r="AO28" s="92"/>
      <c r="AP28" s="145"/>
    </row>
    <row r="29" spans="1:42" ht="15.95" customHeight="1" x14ac:dyDescent="0.15">
      <c r="A29" s="162"/>
      <c r="B29" s="153"/>
      <c r="C29" s="153"/>
      <c r="D29" s="154"/>
      <c r="E29" s="537"/>
      <c r="F29" s="538"/>
      <c r="G29" s="538"/>
      <c r="H29" s="539"/>
      <c r="I29" s="537"/>
      <c r="J29" s="538"/>
      <c r="K29" s="538"/>
      <c r="L29" s="539"/>
      <c r="M29" s="148" t="s">
        <v>349</v>
      </c>
      <c r="N29" s="103"/>
      <c r="O29" s="103"/>
      <c r="P29" s="103"/>
      <c r="Q29" s="92"/>
      <c r="R29" s="103"/>
      <c r="S29" s="103" t="s">
        <v>350</v>
      </c>
      <c r="T29" s="103"/>
      <c r="U29" s="102"/>
      <c r="V29" s="102"/>
      <c r="W29" s="103"/>
      <c r="X29" s="103"/>
      <c r="Y29" s="92"/>
      <c r="Z29" s="103"/>
      <c r="AA29" s="103"/>
      <c r="AB29" s="103"/>
      <c r="AC29" s="102"/>
      <c r="AD29" s="102"/>
      <c r="AE29" s="102"/>
      <c r="AF29" s="102"/>
      <c r="AG29" s="251"/>
      <c r="AH29" s="146" t="s">
        <v>7</v>
      </c>
      <c r="AI29" s="92" t="s">
        <v>169</v>
      </c>
      <c r="AJ29" s="92"/>
      <c r="AK29" s="124"/>
      <c r="AL29" s="151"/>
      <c r="AM29" s="92"/>
      <c r="AN29" s="148"/>
      <c r="AO29" s="92"/>
      <c r="AP29" s="145"/>
    </row>
    <row r="30" spans="1:42" ht="15.95" customHeight="1" x14ac:dyDescent="0.15">
      <c r="A30" s="162"/>
      <c r="B30" s="153"/>
      <c r="C30" s="153"/>
      <c r="D30" s="154"/>
      <c r="E30" s="537"/>
      <c r="F30" s="538"/>
      <c r="G30" s="538"/>
      <c r="H30" s="539"/>
      <c r="I30" s="537"/>
      <c r="J30" s="538"/>
      <c r="K30" s="538"/>
      <c r="L30" s="539"/>
      <c r="M30" s="148" t="s">
        <v>144</v>
      </c>
      <c r="N30" s="431"/>
      <c r="O30" s="431"/>
      <c r="P30" s="431"/>
      <c r="Q30" s="92" t="s">
        <v>112</v>
      </c>
      <c r="R30" s="103"/>
      <c r="S30" s="103" t="s">
        <v>144</v>
      </c>
      <c r="T30" s="431"/>
      <c r="U30" s="431"/>
      <c r="V30" s="431"/>
      <c r="W30" s="431"/>
      <c r="X30" s="431"/>
      <c r="Y30" s="431"/>
      <c r="Z30" s="431"/>
      <c r="AA30" s="431"/>
      <c r="AB30" s="431"/>
      <c r="AC30" s="431"/>
      <c r="AD30" s="102" t="s">
        <v>112</v>
      </c>
      <c r="AE30" s="102"/>
      <c r="AF30" s="102"/>
      <c r="AG30" s="251"/>
      <c r="AH30" s="124"/>
      <c r="AI30" s="124"/>
      <c r="AJ30" s="124"/>
      <c r="AK30" s="124"/>
      <c r="AL30" s="92"/>
      <c r="AM30" s="92"/>
      <c r="AN30" s="148"/>
      <c r="AO30" s="92"/>
      <c r="AP30" s="145"/>
    </row>
    <row r="31" spans="1:42" ht="15.95" customHeight="1" x14ac:dyDescent="0.15">
      <c r="A31" s="162"/>
      <c r="B31" s="153"/>
      <c r="C31" s="153"/>
      <c r="D31" s="154"/>
      <c r="E31" s="537"/>
      <c r="F31" s="538"/>
      <c r="G31" s="538"/>
      <c r="H31" s="539"/>
      <c r="I31" s="537"/>
      <c r="J31" s="538"/>
      <c r="K31" s="538"/>
      <c r="L31" s="539"/>
      <c r="M31" s="148" t="s">
        <v>144</v>
      </c>
      <c r="N31" s="431"/>
      <c r="O31" s="431"/>
      <c r="P31" s="431"/>
      <c r="Q31" s="92" t="s">
        <v>112</v>
      </c>
      <c r="R31" s="103"/>
      <c r="S31" s="103" t="s">
        <v>144</v>
      </c>
      <c r="T31" s="431"/>
      <c r="U31" s="431"/>
      <c r="V31" s="431"/>
      <c r="W31" s="431"/>
      <c r="X31" s="431"/>
      <c r="Y31" s="431"/>
      <c r="Z31" s="431"/>
      <c r="AA31" s="431"/>
      <c r="AB31" s="431"/>
      <c r="AC31" s="431"/>
      <c r="AD31" s="102" t="s">
        <v>112</v>
      </c>
      <c r="AE31" s="102"/>
      <c r="AF31" s="102"/>
      <c r="AG31" s="251"/>
      <c r="AH31" s="124"/>
      <c r="AI31" s="124"/>
      <c r="AJ31" s="124"/>
      <c r="AK31" s="124"/>
      <c r="AL31" s="151"/>
      <c r="AM31" s="92"/>
      <c r="AN31" s="148"/>
      <c r="AO31" s="92"/>
      <c r="AP31" s="145"/>
    </row>
    <row r="32" spans="1:42" ht="15.95" customHeight="1" x14ac:dyDescent="0.15">
      <c r="A32" s="162"/>
      <c r="B32" s="153"/>
      <c r="C32" s="153"/>
      <c r="D32" s="154"/>
      <c r="E32" s="537"/>
      <c r="F32" s="538"/>
      <c r="G32" s="538"/>
      <c r="H32" s="539"/>
      <c r="I32" s="603"/>
      <c r="J32" s="604"/>
      <c r="K32" s="604"/>
      <c r="L32" s="605"/>
      <c r="M32" s="169" t="s">
        <v>144</v>
      </c>
      <c r="N32" s="456"/>
      <c r="O32" s="456"/>
      <c r="P32" s="456"/>
      <c r="Q32" s="105" t="s">
        <v>112</v>
      </c>
      <c r="R32" s="97"/>
      <c r="S32" s="97" t="s">
        <v>144</v>
      </c>
      <c r="T32" s="456"/>
      <c r="U32" s="456"/>
      <c r="V32" s="456"/>
      <c r="W32" s="456"/>
      <c r="X32" s="456"/>
      <c r="Y32" s="456"/>
      <c r="Z32" s="456"/>
      <c r="AA32" s="456"/>
      <c r="AB32" s="456"/>
      <c r="AC32" s="456"/>
      <c r="AD32" s="96" t="s">
        <v>112</v>
      </c>
      <c r="AE32" s="96"/>
      <c r="AF32" s="96"/>
      <c r="AG32" s="191"/>
      <c r="AH32" s="121"/>
      <c r="AI32" s="124"/>
      <c r="AJ32" s="124"/>
      <c r="AK32" s="124"/>
      <c r="AL32" s="124"/>
      <c r="AM32" s="92"/>
      <c r="AN32" s="148"/>
      <c r="AO32" s="92"/>
      <c r="AP32" s="145"/>
    </row>
    <row r="33" spans="1:42" ht="15.95" customHeight="1" x14ac:dyDescent="0.15">
      <c r="A33" s="162"/>
      <c r="B33" s="153"/>
      <c r="C33" s="153"/>
      <c r="D33" s="154"/>
      <c r="E33" s="537"/>
      <c r="F33" s="538"/>
      <c r="G33" s="538"/>
      <c r="H33" s="539"/>
      <c r="I33" s="600" t="s">
        <v>351</v>
      </c>
      <c r="J33" s="601"/>
      <c r="K33" s="601"/>
      <c r="L33" s="602"/>
      <c r="M33" s="148" t="s">
        <v>352</v>
      </c>
      <c r="N33" s="102"/>
      <c r="O33" s="102"/>
      <c r="P33" s="102"/>
      <c r="Q33" s="92" t="s">
        <v>353</v>
      </c>
      <c r="R33" s="103"/>
      <c r="S33" s="103"/>
      <c r="T33" s="102"/>
      <c r="U33" s="102"/>
      <c r="V33" s="102"/>
      <c r="W33" s="102"/>
      <c r="X33" s="103"/>
      <c r="Y33" s="103" t="s">
        <v>354</v>
      </c>
      <c r="Z33" s="102"/>
      <c r="AA33" s="102"/>
      <c r="AB33" s="102"/>
      <c r="AC33" s="102"/>
      <c r="AD33" s="102"/>
      <c r="AE33" s="102"/>
      <c r="AF33" s="102"/>
      <c r="AG33" s="251"/>
      <c r="AH33" s="124"/>
      <c r="AI33" s="124"/>
      <c r="AJ33" s="124"/>
      <c r="AK33" s="124"/>
      <c r="AL33" s="124"/>
      <c r="AM33" s="124"/>
      <c r="AN33" s="149"/>
      <c r="AP33" s="104"/>
    </row>
    <row r="34" spans="1:42" ht="15.95" customHeight="1" x14ac:dyDescent="0.15">
      <c r="A34" s="162"/>
      <c r="B34" s="153"/>
      <c r="C34" s="153"/>
      <c r="D34" s="154"/>
      <c r="E34" s="537"/>
      <c r="F34" s="538"/>
      <c r="G34" s="538"/>
      <c r="H34" s="539"/>
      <c r="I34" s="537"/>
      <c r="J34" s="538"/>
      <c r="K34" s="538"/>
      <c r="L34" s="539"/>
      <c r="M34" s="148" t="s">
        <v>144</v>
      </c>
      <c r="N34" s="431"/>
      <c r="O34" s="431"/>
      <c r="P34" s="102" t="s">
        <v>26</v>
      </c>
      <c r="Q34" s="92" t="s">
        <v>25</v>
      </c>
      <c r="R34" s="431"/>
      <c r="S34" s="431"/>
      <c r="T34" s="431"/>
      <c r="U34" s="431"/>
      <c r="V34" s="431"/>
      <c r="W34" s="102" t="s">
        <v>26</v>
      </c>
      <c r="X34" s="102"/>
      <c r="Y34" s="102" t="s">
        <v>25</v>
      </c>
      <c r="Z34" s="431"/>
      <c r="AA34" s="431"/>
      <c r="AB34" s="431"/>
      <c r="AC34" s="431"/>
      <c r="AD34" s="431"/>
      <c r="AE34" s="102"/>
      <c r="AF34" s="102"/>
      <c r="AG34" s="251" t="s">
        <v>26</v>
      </c>
      <c r="AH34" s="124"/>
      <c r="AI34" s="124"/>
      <c r="AJ34" s="124"/>
      <c r="AK34" s="124"/>
      <c r="AL34" s="124"/>
      <c r="AM34" s="124"/>
      <c r="AN34" s="149"/>
      <c r="AP34" s="104"/>
    </row>
    <row r="35" spans="1:42" ht="15.95" customHeight="1" x14ac:dyDescent="0.15">
      <c r="A35" s="162"/>
      <c r="B35" s="153"/>
      <c r="C35" s="153"/>
      <c r="D35" s="154"/>
      <c r="E35" s="537"/>
      <c r="F35" s="538"/>
      <c r="G35" s="538"/>
      <c r="H35" s="539"/>
      <c r="I35" s="537"/>
      <c r="J35" s="538"/>
      <c r="K35" s="538"/>
      <c r="L35" s="539"/>
      <c r="M35" s="148" t="s">
        <v>144</v>
      </c>
      <c r="N35" s="431"/>
      <c r="O35" s="431"/>
      <c r="P35" s="102" t="s">
        <v>26</v>
      </c>
      <c r="Q35" s="92" t="s">
        <v>25</v>
      </c>
      <c r="R35" s="431"/>
      <c r="S35" s="431"/>
      <c r="T35" s="431"/>
      <c r="U35" s="431"/>
      <c r="V35" s="431"/>
      <c r="W35" s="102" t="s">
        <v>26</v>
      </c>
      <c r="X35" s="102"/>
      <c r="Y35" s="102" t="s">
        <v>25</v>
      </c>
      <c r="Z35" s="431"/>
      <c r="AA35" s="431"/>
      <c r="AB35" s="431"/>
      <c r="AC35" s="431"/>
      <c r="AD35" s="431"/>
      <c r="AE35" s="102"/>
      <c r="AF35" s="102"/>
      <c r="AG35" s="251" t="s">
        <v>26</v>
      </c>
      <c r="AH35" s="124"/>
      <c r="AI35" s="124"/>
      <c r="AJ35" s="124"/>
      <c r="AK35" s="124"/>
      <c r="AL35" s="124"/>
      <c r="AM35" s="124"/>
      <c r="AN35" s="149"/>
      <c r="AP35" s="104"/>
    </row>
    <row r="36" spans="1:42" ht="15.95" customHeight="1" x14ac:dyDescent="0.15">
      <c r="A36" s="162"/>
      <c r="B36" s="153"/>
      <c r="C36" s="153"/>
      <c r="D36" s="154"/>
      <c r="E36" s="603"/>
      <c r="F36" s="604"/>
      <c r="G36" s="604"/>
      <c r="H36" s="605"/>
      <c r="I36" s="603"/>
      <c r="J36" s="604"/>
      <c r="K36" s="604"/>
      <c r="L36" s="605"/>
      <c r="M36" s="169" t="s">
        <v>144</v>
      </c>
      <c r="N36" s="456"/>
      <c r="O36" s="456"/>
      <c r="P36" s="102" t="s">
        <v>26</v>
      </c>
      <c r="Q36" s="105" t="s">
        <v>25</v>
      </c>
      <c r="R36" s="456"/>
      <c r="S36" s="456"/>
      <c r="T36" s="456"/>
      <c r="U36" s="456"/>
      <c r="V36" s="456"/>
      <c r="W36" s="102" t="s">
        <v>26</v>
      </c>
      <c r="X36" s="102"/>
      <c r="Y36" s="102" t="s">
        <v>25</v>
      </c>
      <c r="Z36" s="456"/>
      <c r="AA36" s="456"/>
      <c r="AB36" s="456"/>
      <c r="AC36" s="456"/>
      <c r="AD36" s="456"/>
      <c r="AE36" s="102"/>
      <c r="AF36" s="102"/>
      <c r="AG36" s="251" t="s">
        <v>26</v>
      </c>
      <c r="AH36" s="115"/>
      <c r="AI36" s="118"/>
      <c r="AJ36" s="118"/>
      <c r="AK36" s="118"/>
      <c r="AL36" s="118"/>
      <c r="AM36" s="118"/>
      <c r="AN36" s="219"/>
      <c r="AO36" s="116"/>
      <c r="AP36" s="106"/>
    </row>
    <row r="37" spans="1:42" ht="15.95" customHeight="1" x14ac:dyDescent="0.15">
      <c r="A37" s="317"/>
      <c r="B37" s="124"/>
      <c r="C37" s="92"/>
      <c r="D37" s="145"/>
      <c r="E37" s="600" t="s">
        <v>882</v>
      </c>
      <c r="F37" s="601"/>
      <c r="G37" s="601"/>
      <c r="H37" s="602"/>
      <c r="I37" s="473" t="s">
        <v>355</v>
      </c>
      <c r="J37" s="491"/>
      <c r="K37" s="491"/>
      <c r="L37" s="608"/>
      <c r="M37" s="146" t="s">
        <v>7</v>
      </c>
      <c r="N37" s="103" t="s">
        <v>356</v>
      </c>
      <c r="O37" s="92"/>
      <c r="P37" s="142"/>
      <c r="Q37" s="263"/>
      <c r="R37" s="103"/>
      <c r="S37" s="103"/>
      <c r="T37" s="208"/>
      <c r="U37" s="208"/>
      <c r="V37" s="208"/>
      <c r="W37" s="208"/>
      <c r="X37" s="208"/>
      <c r="Y37" s="208"/>
      <c r="Z37" s="208"/>
      <c r="AA37" s="208"/>
      <c r="AB37" s="208"/>
      <c r="AC37" s="206"/>
      <c r="AD37" s="208"/>
      <c r="AE37" s="208"/>
      <c r="AF37" s="208"/>
      <c r="AG37" s="262"/>
      <c r="AH37" s="146" t="s">
        <v>7</v>
      </c>
      <c r="AI37" s="92" t="s">
        <v>357</v>
      </c>
      <c r="AJ37" s="124"/>
      <c r="AK37" s="124"/>
      <c r="AL37" s="140"/>
      <c r="AM37" s="98"/>
      <c r="AN37" s="149"/>
      <c r="AP37" s="104"/>
    </row>
    <row r="38" spans="1:42" ht="15.95" customHeight="1" x14ac:dyDescent="0.15">
      <c r="A38" s="317"/>
      <c r="B38" s="267"/>
      <c r="C38" s="102"/>
      <c r="D38" s="152"/>
      <c r="E38" s="537"/>
      <c r="F38" s="538"/>
      <c r="G38" s="538"/>
      <c r="H38" s="539"/>
      <c r="I38" s="609"/>
      <c r="J38" s="610"/>
      <c r="K38" s="610"/>
      <c r="L38" s="611"/>
      <c r="M38" s="169"/>
      <c r="N38" s="127" t="s">
        <v>25</v>
      </c>
      <c r="O38" s="456"/>
      <c r="P38" s="456"/>
      <c r="Q38" s="456"/>
      <c r="R38" s="456"/>
      <c r="S38" s="456"/>
      <c r="T38" s="96" t="s">
        <v>26</v>
      </c>
      <c r="U38" s="97" t="s">
        <v>358</v>
      </c>
      <c r="V38" s="116"/>
      <c r="W38" s="116"/>
      <c r="X38" s="116"/>
      <c r="Y38" s="97"/>
      <c r="Z38" s="97"/>
      <c r="AA38" s="97"/>
      <c r="AB38" s="97"/>
      <c r="AC38" s="96"/>
      <c r="AD38" s="97"/>
      <c r="AE38" s="97"/>
      <c r="AF38" s="97"/>
      <c r="AG38" s="191"/>
      <c r="AH38" s="146" t="s">
        <v>7</v>
      </c>
      <c r="AI38" s="124"/>
      <c r="AJ38" s="124"/>
      <c r="AK38" s="124"/>
      <c r="AL38" s="151"/>
      <c r="AM38" s="92"/>
      <c r="AN38" s="149"/>
      <c r="AP38" s="104"/>
    </row>
    <row r="39" spans="1:42" ht="15.95" customHeight="1" x14ac:dyDescent="0.15">
      <c r="A39" s="148"/>
      <c r="B39" s="92"/>
      <c r="C39" s="92"/>
      <c r="D39" s="145"/>
      <c r="E39" s="537"/>
      <c r="F39" s="538"/>
      <c r="G39" s="538"/>
      <c r="H39" s="539"/>
      <c r="I39" s="612" t="s">
        <v>359</v>
      </c>
      <c r="J39" s="613"/>
      <c r="K39" s="613"/>
      <c r="L39" s="614"/>
      <c r="M39" s="146" t="s">
        <v>7</v>
      </c>
      <c r="N39" s="208" t="s">
        <v>360</v>
      </c>
      <c r="O39" s="208"/>
      <c r="P39" s="208"/>
      <c r="Q39" s="208"/>
      <c r="R39" s="114"/>
      <c r="S39" s="206"/>
      <c r="T39" s="208"/>
      <c r="U39" s="114"/>
      <c r="V39" s="208"/>
      <c r="W39" s="208"/>
      <c r="X39" s="114"/>
      <c r="Y39" s="114"/>
      <c r="Z39" s="114"/>
      <c r="AA39" s="114"/>
      <c r="AB39" s="114"/>
      <c r="AC39" s="206"/>
      <c r="AD39" s="208"/>
      <c r="AE39" s="208"/>
      <c r="AF39" s="208"/>
      <c r="AG39" s="262"/>
      <c r="AH39" s="124"/>
      <c r="AI39" s="124"/>
      <c r="AJ39" s="124"/>
      <c r="AK39" s="124"/>
      <c r="AL39" s="92"/>
      <c r="AM39" s="92"/>
      <c r="AN39" s="149"/>
      <c r="AP39" s="104"/>
    </row>
    <row r="40" spans="1:42" ht="15.95" customHeight="1" x14ac:dyDescent="0.15">
      <c r="A40" s="148"/>
      <c r="B40" s="92"/>
      <c r="C40" s="92"/>
      <c r="D40" s="145"/>
      <c r="E40" s="603"/>
      <c r="F40" s="604"/>
      <c r="G40" s="604"/>
      <c r="H40" s="605"/>
      <c r="I40" s="615"/>
      <c r="J40" s="616"/>
      <c r="K40" s="616"/>
      <c r="L40" s="617"/>
      <c r="M40" s="155"/>
      <c r="N40" s="127" t="s">
        <v>25</v>
      </c>
      <c r="O40" s="456"/>
      <c r="P40" s="456"/>
      <c r="Q40" s="456"/>
      <c r="R40" s="456"/>
      <c r="S40" s="456"/>
      <c r="T40" s="96" t="s">
        <v>26</v>
      </c>
      <c r="U40" s="116"/>
      <c r="V40" s="97"/>
      <c r="W40" s="97"/>
      <c r="X40" s="116"/>
      <c r="Y40" s="116"/>
      <c r="Z40" s="116"/>
      <c r="AA40" s="116"/>
      <c r="AB40" s="116"/>
      <c r="AC40" s="96"/>
      <c r="AD40" s="97"/>
      <c r="AE40" s="97"/>
      <c r="AF40" s="97"/>
      <c r="AG40" s="191"/>
      <c r="AH40" s="115"/>
      <c r="AI40" s="118"/>
      <c r="AJ40" s="118"/>
      <c r="AK40" s="118"/>
      <c r="AL40" s="126"/>
      <c r="AM40" s="105"/>
      <c r="AN40" s="219"/>
      <c r="AO40" s="116"/>
      <c r="AP40" s="106"/>
    </row>
    <row r="41" spans="1:42" ht="15.95" customHeight="1" x14ac:dyDescent="0.15">
      <c r="A41" s="148"/>
      <c r="B41" s="92"/>
      <c r="C41" s="92"/>
      <c r="D41" s="145"/>
      <c r="E41" s="537" t="s">
        <v>647</v>
      </c>
      <c r="F41" s="538"/>
      <c r="G41" s="538"/>
      <c r="H41" s="539"/>
      <c r="I41" s="437" t="s">
        <v>361</v>
      </c>
      <c r="J41" s="438"/>
      <c r="K41" s="438"/>
      <c r="L41" s="439"/>
      <c r="M41" s="247" t="s">
        <v>362</v>
      </c>
      <c r="N41" s="103"/>
      <c r="O41" s="103"/>
      <c r="P41" s="102"/>
      <c r="Q41" s="102" t="s">
        <v>25</v>
      </c>
      <c r="R41" s="453"/>
      <c r="S41" s="453"/>
      <c r="T41" s="453"/>
      <c r="U41" s="453"/>
      <c r="V41" s="102" t="s">
        <v>26</v>
      </c>
      <c r="AA41" s="103"/>
      <c r="AB41" s="103"/>
      <c r="AC41" s="103"/>
      <c r="AD41" s="102"/>
      <c r="AE41" s="102"/>
      <c r="AF41" s="102"/>
      <c r="AG41" s="251"/>
      <c r="AH41" s="146" t="s">
        <v>7</v>
      </c>
      <c r="AI41" s="92" t="s">
        <v>363</v>
      </c>
      <c r="AJ41" s="92"/>
      <c r="AK41" s="124"/>
      <c r="AL41" s="124"/>
      <c r="AM41" s="124"/>
      <c r="AN41" s="149"/>
      <c r="AP41" s="104"/>
    </row>
    <row r="42" spans="1:42" ht="15.95" customHeight="1" x14ac:dyDescent="0.15">
      <c r="A42" s="148"/>
      <c r="B42" s="92"/>
      <c r="C42" s="92"/>
      <c r="D42" s="145"/>
      <c r="E42" s="537"/>
      <c r="F42" s="538"/>
      <c r="G42" s="538"/>
      <c r="H42" s="539"/>
      <c r="I42" s="461"/>
      <c r="J42" s="462"/>
      <c r="K42" s="462"/>
      <c r="L42" s="463"/>
      <c r="M42" s="169"/>
      <c r="N42" s="105"/>
      <c r="O42" s="105"/>
      <c r="P42" s="105"/>
      <c r="Q42" s="96"/>
      <c r="R42" s="97"/>
      <c r="S42" s="97"/>
      <c r="T42" s="97"/>
      <c r="U42" s="97"/>
      <c r="V42" s="96"/>
      <c r="W42" s="97"/>
      <c r="X42" s="116"/>
      <c r="Y42" s="97"/>
      <c r="Z42" s="97"/>
      <c r="AA42" s="97"/>
      <c r="AB42" s="97"/>
      <c r="AC42" s="96"/>
      <c r="AD42" s="97"/>
      <c r="AE42" s="97"/>
      <c r="AF42" s="97"/>
      <c r="AG42" s="191"/>
      <c r="AH42" s="146" t="s">
        <v>7</v>
      </c>
      <c r="AI42" s="92" t="s">
        <v>69</v>
      </c>
      <c r="AJ42" s="92"/>
      <c r="AK42" s="124"/>
      <c r="AL42" s="124"/>
      <c r="AM42" s="124"/>
      <c r="AN42" s="318"/>
      <c r="AP42" s="104"/>
    </row>
    <row r="43" spans="1:42" ht="15.95" customHeight="1" x14ac:dyDescent="0.15">
      <c r="A43" s="148"/>
      <c r="B43" s="92"/>
      <c r="C43" s="92"/>
      <c r="D43" s="145"/>
      <c r="E43" s="537"/>
      <c r="F43" s="538"/>
      <c r="G43" s="538"/>
      <c r="H43" s="539"/>
      <c r="I43" s="473" t="s">
        <v>364</v>
      </c>
      <c r="J43" s="474"/>
      <c r="K43" s="474"/>
      <c r="L43" s="475"/>
      <c r="M43" s="146" t="s">
        <v>7</v>
      </c>
      <c r="N43" s="208" t="s">
        <v>365</v>
      </c>
      <c r="O43" s="98"/>
      <c r="P43" s="98"/>
      <c r="Q43" s="98"/>
      <c r="R43" s="98"/>
      <c r="S43" s="98"/>
      <c r="X43" s="98"/>
      <c r="Y43" s="98"/>
      <c r="Z43" s="98"/>
      <c r="AA43" s="98"/>
      <c r="AB43" s="98"/>
      <c r="AC43" s="98"/>
      <c r="AD43" s="98"/>
      <c r="AE43" s="98"/>
      <c r="AF43" s="98"/>
      <c r="AG43" s="142"/>
      <c r="AH43" s="146" t="s">
        <v>7</v>
      </c>
      <c r="AI43" s="92" t="s">
        <v>122</v>
      </c>
      <c r="AJ43" s="92"/>
      <c r="AK43" s="124"/>
      <c r="AL43" s="124"/>
      <c r="AM43" s="124"/>
      <c r="AN43" s="149"/>
      <c r="AP43" s="104"/>
    </row>
    <row r="44" spans="1:42" ht="15.95" customHeight="1" x14ac:dyDescent="0.15">
      <c r="A44" s="148"/>
      <c r="B44" s="92"/>
      <c r="C44" s="92"/>
      <c r="D44" s="145"/>
      <c r="E44" s="537"/>
      <c r="F44" s="538"/>
      <c r="G44" s="538"/>
      <c r="H44" s="539"/>
      <c r="I44" s="486"/>
      <c r="J44" s="487"/>
      <c r="K44" s="487"/>
      <c r="L44" s="488"/>
      <c r="M44" s="146" t="s">
        <v>7</v>
      </c>
      <c r="N44" s="103" t="s">
        <v>366</v>
      </c>
      <c r="O44" s="102"/>
      <c r="P44" s="102"/>
      <c r="Q44" s="102"/>
      <c r="R44" s="102"/>
      <c r="S44" s="102"/>
      <c r="Y44" s="102"/>
      <c r="Z44" s="103"/>
      <c r="AA44" s="102"/>
      <c r="AB44" s="96"/>
      <c r="AC44" s="96"/>
      <c r="AD44" s="96"/>
      <c r="AE44" s="96"/>
      <c r="AF44" s="96"/>
      <c r="AG44" s="259"/>
      <c r="AH44" s="146" t="s">
        <v>7</v>
      </c>
      <c r="AI44" s="124"/>
      <c r="AJ44" s="124"/>
      <c r="AK44" s="124"/>
      <c r="AL44" s="124"/>
      <c r="AM44" s="124"/>
      <c r="AN44" s="149"/>
      <c r="AP44" s="104"/>
    </row>
    <row r="45" spans="1:42" ht="15.95" customHeight="1" x14ac:dyDescent="0.15">
      <c r="A45" s="148"/>
      <c r="B45" s="92"/>
      <c r="C45" s="92"/>
      <c r="D45" s="145"/>
      <c r="E45" s="537"/>
      <c r="F45" s="538"/>
      <c r="G45" s="538"/>
      <c r="H45" s="539"/>
      <c r="I45" s="473" t="s">
        <v>367</v>
      </c>
      <c r="J45" s="474"/>
      <c r="K45" s="474"/>
      <c r="L45" s="475"/>
      <c r="M45" s="247" t="s">
        <v>368</v>
      </c>
      <c r="N45" s="208"/>
      <c r="O45" s="206"/>
      <c r="P45" s="206"/>
      <c r="Q45" s="206"/>
      <c r="R45" s="206"/>
      <c r="S45" s="206"/>
      <c r="T45" s="114"/>
      <c r="U45" s="206"/>
      <c r="V45" s="208"/>
      <c r="W45" s="206"/>
      <c r="X45" s="206"/>
      <c r="Y45" s="206"/>
      <c r="Z45" s="206"/>
      <c r="AA45" s="206"/>
      <c r="AG45" s="104"/>
      <c r="AH45" s="124"/>
      <c r="AI45" s="124"/>
      <c r="AJ45" s="124"/>
      <c r="AK45" s="92"/>
      <c r="AL45" s="92"/>
      <c r="AM45" s="92"/>
      <c r="AN45" s="149"/>
      <c r="AP45" s="104"/>
    </row>
    <row r="46" spans="1:42" ht="15.95" customHeight="1" x14ac:dyDescent="0.15">
      <c r="A46" s="148"/>
      <c r="B46" s="92"/>
      <c r="C46" s="92"/>
      <c r="D46" s="145"/>
      <c r="E46" s="537"/>
      <c r="F46" s="538"/>
      <c r="G46" s="538"/>
      <c r="H46" s="539"/>
      <c r="I46" s="486"/>
      <c r="J46" s="487"/>
      <c r="K46" s="487"/>
      <c r="L46" s="488"/>
      <c r="M46" s="167" t="s">
        <v>7</v>
      </c>
      <c r="N46" s="97" t="s">
        <v>369</v>
      </c>
      <c r="O46" s="96"/>
      <c r="P46" s="96"/>
      <c r="Q46" s="96"/>
      <c r="R46" s="126" t="s">
        <v>7</v>
      </c>
      <c r="S46" s="97" t="s">
        <v>370</v>
      </c>
      <c r="T46" s="96"/>
      <c r="U46" s="116"/>
      <c r="V46" s="96"/>
      <c r="W46" s="126" t="s">
        <v>7</v>
      </c>
      <c r="X46" s="97" t="s">
        <v>371</v>
      </c>
      <c r="Y46" s="96"/>
      <c r="Z46" s="96"/>
      <c r="AA46" s="116"/>
      <c r="AB46" s="126" t="s">
        <v>7</v>
      </c>
      <c r="AC46" s="97" t="s">
        <v>372</v>
      </c>
      <c r="AD46" s="116"/>
      <c r="AE46" s="116"/>
      <c r="AF46" s="116"/>
      <c r="AG46" s="106"/>
      <c r="AH46" s="124"/>
      <c r="AI46" s="124"/>
      <c r="AJ46" s="124"/>
      <c r="AK46" s="92"/>
      <c r="AL46" s="92"/>
      <c r="AM46" s="92"/>
      <c r="AN46" s="149"/>
      <c r="AP46" s="104"/>
    </row>
    <row r="47" spans="1:42" ht="15.95" customHeight="1" x14ac:dyDescent="0.15">
      <c r="A47" s="148"/>
      <c r="B47" s="92"/>
      <c r="C47" s="92"/>
      <c r="D47" s="145"/>
      <c r="E47" s="537"/>
      <c r="F47" s="538"/>
      <c r="G47" s="538"/>
      <c r="H47" s="539"/>
      <c r="I47" s="486"/>
      <c r="J47" s="487"/>
      <c r="K47" s="487"/>
      <c r="L47" s="488"/>
      <c r="M47" s="146" t="s">
        <v>7</v>
      </c>
      <c r="N47" s="103" t="s">
        <v>373</v>
      </c>
      <c r="O47" s="102"/>
      <c r="P47" s="102"/>
      <c r="Q47" s="102"/>
      <c r="R47" s="102"/>
      <c r="S47" s="102"/>
      <c r="U47" s="102"/>
      <c r="V47" s="103"/>
      <c r="W47" s="102"/>
      <c r="X47" s="102"/>
      <c r="Y47" s="102"/>
      <c r="Z47" s="102"/>
      <c r="AA47" s="102"/>
      <c r="AG47" s="104"/>
      <c r="AH47" s="124"/>
      <c r="AI47" s="124"/>
      <c r="AJ47" s="124"/>
      <c r="AK47" s="182"/>
      <c r="AL47" s="182"/>
      <c r="AM47" s="92"/>
      <c r="AN47" s="149"/>
      <c r="AP47" s="104"/>
    </row>
    <row r="48" spans="1:42" ht="15.95" customHeight="1" x14ac:dyDescent="0.15">
      <c r="A48" s="148"/>
      <c r="B48" s="92"/>
      <c r="C48" s="92"/>
      <c r="D48" s="145"/>
      <c r="E48" s="537"/>
      <c r="F48" s="538"/>
      <c r="G48" s="538"/>
      <c r="H48" s="539"/>
      <c r="I48" s="486"/>
      <c r="J48" s="487"/>
      <c r="K48" s="487"/>
      <c r="L48" s="488"/>
      <c r="M48" s="155"/>
      <c r="N48" s="151" t="s">
        <v>7</v>
      </c>
      <c r="O48" s="103" t="s">
        <v>374</v>
      </c>
      <c r="P48" s="102"/>
      <c r="Q48" s="102"/>
      <c r="R48" s="102"/>
      <c r="S48" s="102"/>
      <c r="U48" s="102"/>
      <c r="V48" s="151" t="s">
        <v>7</v>
      </c>
      <c r="W48" s="103" t="s">
        <v>375</v>
      </c>
      <c r="X48" s="102"/>
      <c r="Y48" s="102"/>
      <c r="Z48" s="102"/>
      <c r="AA48" s="102"/>
      <c r="AG48" s="104"/>
      <c r="AH48" s="121"/>
      <c r="AI48" s="124"/>
      <c r="AJ48" s="124"/>
      <c r="AK48" s="92"/>
      <c r="AL48" s="92"/>
      <c r="AM48" s="92"/>
      <c r="AN48" s="219"/>
      <c r="AO48" s="116"/>
      <c r="AP48" s="106"/>
    </row>
    <row r="49" spans="1:42" ht="15.95" customHeight="1" x14ac:dyDescent="0.15">
      <c r="A49" s="148"/>
      <c r="B49" s="92"/>
      <c r="C49" s="92"/>
      <c r="D49" s="145"/>
      <c r="E49" s="600" t="s">
        <v>648</v>
      </c>
      <c r="F49" s="601"/>
      <c r="G49" s="601"/>
      <c r="H49" s="602"/>
      <c r="I49" s="474" t="s">
        <v>377</v>
      </c>
      <c r="J49" s="474"/>
      <c r="K49" s="474"/>
      <c r="L49" s="474"/>
      <c r="M49" s="138" t="s">
        <v>7</v>
      </c>
      <c r="N49" s="208" t="s">
        <v>378</v>
      </c>
      <c r="O49" s="208"/>
      <c r="P49" s="208"/>
      <c r="Q49" s="208"/>
      <c r="R49" s="221"/>
      <c r="S49" s="221"/>
      <c r="T49" s="221"/>
      <c r="U49" s="221"/>
      <c r="V49" s="221"/>
      <c r="W49" s="221"/>
      <c r="X49" s="221"/>
      <c r="Y49" s="221"/>
      <c r="Z49" s="221"/>
      <c r="AA49" s="221"/>
      <c r="AB49" s="221"/>
      <c r="AC49" s="114"/>
      <c r="AD49" s="114"/>
      <c r="AE49" s="114"/>
      <c r="AF49" s="114"/>
      <c r="AG49" s="99"/>
      <c r="AH49" s="140" t="s">
        <v>7</v>
      </c>
      <c r="AI49" s="98" t="s">
        <v>69</v>
      </c>
      <c r="AJ49" s="114"/>
      <c r="AK49" s="271"/>
      <c r="AL49" s="140"/>
      <c r="AM49" s="98"/>
      <c r="AN49" s="149"/>
      <c r="AP49" s="104"/>
    </row>
    <row r="50" spans="1:42" ht="15.95" customHeight="1" x14ac:dyDescent="0.15">
      <c r="A50" s="148"/>
      <c r="B50" s="92"/>
      <c r="C50" s="92"/>
      <c r="D50" s="145"/>
      <c r="E50" s="537"/>
      <c r="F50" s="538"/>
      <c r="G50" s="538"/>
      <c r="H50" s="539"/>
      <c r="I50" s="487"/>
      <c r="J50" s="487"/>
      <c r="K50" s="487"/>
      <c r="L50" s="487"/>
      <c r="M50" s="155"/>
      <c r="N50" s="151" t="s">
        <v>7</v>
      </c>
      <c r="O50" s="92" t="s">
        <v>380</v>
      </c>
      <c r="P50" s="92"/>
      <c r="Q50" s="102" t="s">
        <v>25</v>
      </c>
      <c r="R50" s="431"/>
      <c r="S50" s="431"/>
      <c r="T50" s="431"/>
      <c r="U50" s="431"/>
      <c r="V50" s="431"/>
      <c r="W50" s="431"/>
      <c r="X50" s="431"/>
      <c r="Y50" s="431"/>
      <c r="Z50" s="431"/>
      <c r="AA50" s="431"/>
      <c r="AB50" s="431"/>
      <c r="AC50" s="431"/>
      <c r="AD50" s="431"/>
      <c r="AE50" s="102"/>
      <c r="AF50" s="102"/>
      <c r="AG50" s="152" t="s">
        <v>26</v>
      </c>
      <c r="AH50" s="151" t="s">
        <v>7</v>
      </c>
      <c r="AI50" s="92" t="s">
        <v>122</v>
      </c>
      <c r="AJ50" s="92"/>
      <c r="AK50" s="92"/>
      <c r="AL50" s="151"/>
      <c r="AM50" s="92"/>
      <c r="AN50" s="149"/>
      <c r="AP50" s="104"/>
    </row>
    <row r="51" spans="1:42" ht="15.95" customHeight="1" x14ac:dyDescent="0.15">
      <c r="A51" s="148"/>
      <c r="B51" s="92"/>
      <c r="C51" s="92"/>
      <c r="D51" s="145"/>
      <c r="E51" s="537"/>
      <c r="F51" s="538"/>
      <c r="G51" s="538"/>
      <c r="H51" s="539"/>
      <c r="I51" s="487"/>
      <c r="J51" s="487"/>
      <c r="K51" s="487"/>
      <c r="L51" s="487"/>
      <c r="M51" s="121"/>
      <c r="N51" s="151" t="s">
        <v>7</v>
      </c>
      <c r="O51" s="92" t="s">
        <v>381</v>
      </c>
      <c r="P51" s="103"/>
      <c r="Q51" s="102" t="s">
        <v>25</v>
      </c>
      <c r="R51" s="431" t="s">
        <v>649</v>
      </c>
      <c r="S51" s="431"/>
      <c r="T51" s="431"/>
      <c r="U51" s="431"/>
      <c r="V51" s="431"/>
      <c r="W51" s="431"/>
      <c r="X51" s="431"/>
      <c r="Y51" s="431"/>
      <c r="Z51" s="431"/>
      <c r="AA51" s="431"/>
      <c r="AB51" s="431"/>
      <c r="AC51" s="431"/>
      <c r="AD51" s="431"/>
      <c r="AE51" s="102"/>
      <c r="AF51" s="102"/>
      <c r="AG51" s="152" t="s">
        <v>26</v>
      </c>
      <c r="AH51" s="151" t="s">
        <v>7</v>
      </c>
      <c r="AI51" s="92"/>
      <c r="AJ51" s="92"/>
      <c r="AK51" s="182"/>
      <c r="AL51" s="92"/>
      <c r="AM51" s="92"/>
      <c r="AN51" s="149"/>
      <c r="AP51" s="104"/>
    </row>
    <row r="52" spans="1:42" ht="15.95" customHeight="1" x14ac:dyDescent="0.15">
      <c r="A52" s="148"/>
      <c r="B52" s="92"/>
      <c r="C52" s="92"/>
      <c r="D52" s="145"/>
      <c r="E52" s="537"/>
      <c r="F52" s="538"/>
      <c r="G52" s="538"/>
      <c r="H52" s="539"/>
      <c r="I52" s="487"/>
      <c r="J52" s="487"/>
      <c r="K52" s="487"/>
      <c r="L52" s="487"/>
      <c r="M52" s="121"/>
      <c r="N52" s="151"/>
      <c r="P52" s="103"/>
      <c r="Q52" s="102"/>
      <c r="R52" s="273"/>
      <c r="S52" s="273"/>
      <c r="T52" s="273"/>
      <c r="U52" s="273"/>
      <c r="V52" s="273"/>
      <c r="W52" s="273"/>
      <c r="X52" s="273"/>
      <c r="Y52" s="102"/>
      <c r="Z52" s="102"/>
      <c r="AA52" s="183"/>
      <c r="AG52" s="104"/>
      <c r="AH52" s="151"/>
      <c r="AI52" s="92"/>
      <c r="AJ52" s="92"/>
      <c r="AK52" s="182"/>
      <c r="AL52" s="151"/>
      <c r="AM52" s="92"/>
      <c r="AN52" s="149"/>
      <c r="AP52" s="104"/>
    </row>
    <row r="53" spans="1:42" ht="15.95" customHeight="1" x14ac:dyDescent="0.15">
      <c r="A53" s="148"/>
      <c r="B53" s="92"/>
      <c r="C53" s="92"/>
      <c r="D53" s="145"/>
      <c r="E53" s="537"/>
      <c r="F53" s="538"/>
      <c r="G53" s="538"/>
      <c r="H53" s="539"/>
      <c r="I53" s="487"/>
      <c r="J53" s="487"/>
      <c r="K53" s="487"/>
      <c r="L53" s="487"/>
      <c r="M53" s="146" t="s">
        <v>7</v>
      </c>
      <c r="N53" s="103" t="s">
        <v>382</v>
      </c>
      <c r="O53" s="103"/>
      <c r="P53" s="103"/>
      <c r="Q53" s="103"/>
      <c r="R53" s="103"/>
      <c r="S53" s="103"/>
      <c r="T53" s="103"/>
      <c r="U53" s="102"/>
      <c r="V53" s="103"/>
      <c r="W53" s="102"/>
      <c r="X53" s="102"/>
      <c r="Y53" s="103"/>
      <c r="Z53" s="102"/>
      <c r="AA53" s="102"/>
      <c r="AG53" s="104"/>
      <c r="AH53" s="124"/>
      <c r="AI53" s="92"/>
      <c r="AJ53" s="92"/>
      <c r="AK53" s="92"/>
      <c r="AL53" s="92"/>
      <c r="AM53" s="92"/>
      <c r="AN53" s="149"/>
      <c r="AP53" s="104"/>
    </row>
    <row r="54" spans="1:42" ht="15.95" customHeight="1" x14ac:dyDescent="0.15">
      <c r="A54" s="148"/>
      <c r="B54" s="92"/>
      <c r="C54" s="92"/>
      <c r="D54" s="145"/>
      <c r="E54" s="537"/>
      <c r="F54" s="538"/>
      <c r="G54" s="538"/>
      <c r="H54" s="539"/>
      <c r="I54" s="487"/>
      <c r="J54" s="487"/>
      <c r="K54" s="487"/>
      <c r="L54" s="487"/>
      <c r="M54" s="146" t="s">
        <v>7</v>
      </c>
      <c r="N54" s="103" t="s">
        <v>336</v>
      </c>
      <c r="O54" s="103"/>
      <c r="P54" s="175" t="s">
        <v>383</v>
      </c>
      <c r="Q54" s="151" t="s">
        <v>7</v>
      </c>
      <c r="R54" s="102" t="s">
        <v>384</v>
      </c>
      <c r="S54" s="103" t="s">
        <v>25</v>
      </c>
      <c r="T54" s="102"/>
      <c r="U54" s="102"/>
      <c r="V54" s="102"/>
      <c r="W54" s="102" t="s">
        <v>26</v>
      </c>
      <c r="X54" s="151" t="s">
        <v>7</v>
      </c>
      <c r="Y54" s="103" t="s">
        <v>385</v>
      </c>
      <c r="Z54" s="102"/>
      <c r="AA54" s="108"/>
      <c r="AB54" s="108"/>
      <c r="AC54" s="108"/>
      <c r="AD54" s="91" t="s">
        <v>386</v>
      </c>
      <c r="AG54" s="104"/>
      <c r="AH54" s="102"/>
      <c r="AI54" s="92"/>
      <c r="AJ54" s="182"/>
      <c r="AK54" s="182"/>
      <c r="AN54" s="149"/>
      <c r="AP54" s="104"/>
    </row>
    <row r="55" spans="1:42" ht="15.95" customHeight="1" x14ac:dyDescent="0.15">
      <c r="A55" s="148"/>
      <c r="B55" s="92"/>
      <c r="C55" s="92"/>
      <c r="D55" s="145"/>
      <c r="E55" s="537"/>
      <c r="F55" s="538"/>
      <c r="G55" s="538"/>
      <c r="H55" s="539"/>
      <c r="I55" s="487"/>
      <c r="J55" s="487"/>
      <c r="K55" s="487"/>
      <c r="L55" s="487"/>
      <c r="M55" s="155"/>
      <c r="N55" s="102" t="s">
        <v>66</v>
      </c>
      <c r="O55" s="103" t="s">
        <v>387</v>
      </c>
      <c r="P55" s="103"/>
      <c r="Q55" s="103"/>
      <c r="R55" s="103"/>
      <c r="S55" s="103" t="s">
        <v>25</v>
      </c>
      <c r="T55" s="431"/>
      <c r="U55" s="431"/>
      <c r="V55" s="431"/>
      <c r="W55" s="431"/>
      <c r="X55" s="431"/>
      <c r="Y55" s="431"/>
      <c r="Z55" s="431"/>
      <c r="AA55" s="431"/>
      <c r="AB55" s="431"/>
      <c r="AC55" s="91" t="s">
        <v>26</v>
      </c>
      <c r="AG55" s="104"/>
      <c r="AH55" s="102"/>
      <c r="AI55" s="102"/>
      <c r="AN55" s="149"/>
      <c r="AP55" s="104"/>
    </row>
    <row r="56" spans="1:42" ht="15.95" customHeight="1" x14ac:dyDescent="0.15">
      <c r="A56" s="148"/>
      <c r="B56" s="92"/>
      <c r="C56" s="92"/>
      <c r="D56" s="145"/>
      <c r="E56" s="537"/>
      <c r="F56" s="538"/>
      <c r="G56" s="538"/>
      <c r="H56" s="539"/>
      <c r="I56" s="487"/>
      <c r="J56" s="487"/>
      <c r="K56" s="487"/>
      <c r="L56" s="487"/>
      <c r="M56" s="146" t="s">
        <v>7</v>
      </c>
      <c r="N56" s="103" t="s">
        <v>388</v>
      </c>
      <c r="O56" s="103"/>
      <c r="P56" s="175" t="s">
        <v>383</v>
      </c>
      <c r="Q56" s="151" t="s">
        <v>7</v>
      </c>
      <c r="R56" s="102" t="s">
        <v>384</v>
      </c>
      <c r="S56" s="103" t="s">
        <v>25</v>
      </c>
      <c r="T56" s="102"/>
      <c r="U56" s="102"/>
      <c r="V56" s="102"/>
      <c r="W56" s="102" t="s">
        <v>26</v>
      </c>
      <c r="X56" s="151" t="s">
        <v>7</v>
      </c>
      <c r="Y56" s="103" t="s">
        <v>385</v>
      </c>
      <c r="Z56" s="102"/>
      <c r="AA56" s="108"/>
      <c r="AB56" s="108"/>
      <c r="AC56" s="108"/>
      <c r="AD56" s="91" t="s">
        <v>386</v>
      </c>
      <c r="AG56" s="104"/>
      <c r="AH56" s="102"/>
      <c r="AI56" s="102"/>
      <c r="AN56" s="149"/>
      <c r="AP56" s="104"/>
    </row>
    <row r="57" spans="1:42" ht="15.95" customHeight="1" x14ac:dyDescent="0.15">
      <c r="A57" s="148"/>
      <c r="B57" s="92"/>
      <c r="C57" s="92"/>
      <c r="D57" s="145"/>
      <c r="E57" s="603"/>
      <c r="F57" s="604"/>
      <c r="G57" s="604"/>
      <c r="H57" s="605"/>
      <c r="I57" s="532"/>
      <c r="J57" s="532"/>
      <c r="K57" s="532"/>
      <c r="L57" s="532"/>
      <c r="M57" s="212"/>
      <c r="N57" s="96" t="s">
        <v>66</v>
      </c>
      <c r="O57" s="97" t="s">
        <v>387</v>
      </c>
      <c r="P57" s="97"/>
      <c r="Q57" s="97"/>
      <c r="R57" s="97"/>
      <c r="S57" s="97" t="s">
        <v>25</v>
      </c>
      <c r="T57" s="456"/>
      <c r="U57" s="456"/>
      <c r="V57" s="456"/>
      <c r="W57" s="456"/>
      <c r="X57" s="456"/>
      <c r="Y57" s="456"/>
      <c r="Z57" s="456"/>
      <c r="AA57" s="456"/>
      <c r="AB57" s="456"/>
      <c r="AC57" s="116" t="s">
        <v>26</v>
      </c>
      <c r="AD57" s="116"/>
      <c r="AE57" s="116"/>
      <c r="AF57" s="116"/>
      <c r="AG57" s="106"/>
      <c r="AH57" s="105"/>
      <c r="AI57" s="96"/>
      <c r="AJ57" s="116"/>
      <c r="AK57" s="116"/>
      <c r="AL57" s="116"/>
      <c r="AM57" s="116"/>
      <c r="AN57" s="219"/>
      <c r="AO57" s="116"/>
      <c r="AP57" s="106"/>
    </row>
    <row r="58" spans="1:42" ht="15.95" customHeight="1" x14ac:dyDescent="0.15">
      <c r="A58" s="148"/>
      <c r="B58" s="92"/>
      <c r="C58" s="92"/>
      <c r="D58" s="145"/>
      <c r="E58" s="537" t="s">
        <v>650</v>
      </c>
      <c r="F58" s="538"/>
      <c r="G58" s="538"/>
      <c r="H58" s="539"/>
      <c r="I58" s="486" t="s">
        <v>651</v>
      </c>
      <c r="J58" s="487"/>
      <c r="K58" s="487"/>
      <c r="L58" s="488"/>
      <c r="M58" s="155" t="s">
        <v>66</v>
      </c>
      <c r="N58" s="103" t="s">
        <v>652</v>
      </c>
      <c r="O58" s="103"/>
      <c r="P58" s="102"/>
      <c r="Q58" s="102"/>
      <c r="R58" s="102"/>
      <c r="S58" s="102"/>
      <c r="U58" s="102"/>
      <c r="V58" s="103"/>
      <c r="W58" s="103"/>
      <c r="X58" s="102"/>
      <c r="Y58" s="102"/>
      <c r="Z58" s="102"/>
      <c r="AA58" s="102"/>
      <c r="AG58" s="104"/>
      <c r="AH58" s="146" t="s">
        <v>7</v>
      </c>
      <c r="AI58" s="92" t="s">
        <v>69</v>
      </c>
      <c r="AK58" s="92"/>
      <c r="AL58" s="151"/>
      <c r="AM58" s="92"/>
      <c r="AN58" s="149"/>
      <c r="AP58" s="104"/>
    </row>
    <row r="59" spans="1:42" ht="15.95" customHeight="1" x14ac:dyDescent="0.15">
      <c r="A59" s="148"/>
      <c r="B59" s="92"/>
      <c r="C59" s="92"/>
      <c r="D59" s="145"/>
      <c r="E59" s="537"/>
      <c r="F59" s="538"/>
      <c r="G59" s="538"/>
      <c r="H59" s="539"/>
      <c r="I59" s="486" t="s">
        <v>653</v>
      </c>
      <c r="J59" s="487"/>
      <c r="K59" s="487"/>
      <c r="L59" s="488"/>
      <c r="M59" s="173" t="s">
        <v>654</v>
      </c>
      <c r="N59" s="103"/>
      <c r="O59" s="103"/>
      <c r="P59" s="102"/>
      <c r="Q59" s="102"/>
      <c r="R59" s="102"/>
      <c r="S59" s="102"/>
      <c r="U59" s="102"/>
      <c r="V59" s="103"/>
      <c r="W59" s="175" t="s">
        <v>25</v>
      </c>
      <c r="X59" s="103"/>
      <c r="Y59" s="103"/>
      <c r="Z59" s="103"/>
      <c r="AA59" s="103"/>
      <c r="AB59" s="103"/>
      <c r="AC59" s="103"/>
      <c r="AE59" s="91" t="s">
        <v>26</v>
      </c>
      <c r="AG59" s="104"/>
      <c r="AH59" s="151" t="s">
        <v>7</v>
      </c>
      <c r="AI59" s="92"/>
      <c r="AJ59" s="92"/>
      <c r="AK59" s="92"/>
      <c r="AL59" s="151"/>
      <c r="AM59" s="92"/>
      <c r="AN59" s="149"/>
      <c r="AP59" s="104"/>
    </row>
    <row r="60" spans="1:42" ht="15.95" customHeight="1" x14ac:dyDescent="0.15">
      <c r="A60" s="148"/>
      <c r="B60" s="92"/>
      <c r="C60" s="92"/>
      <c r="D60" s="145"/>
      <c r="E60" s="537"/>
      <c r="F60" s="538"/>
      <c r="G60" s="538"/>
      <c r="H60" s="539"/>
      <c r="I60" s="486" t="s">
        <v>655</v>
      </c>
      <c r="J60" s="487"/>
      <c r="K60" s="487"/>
      <c r="L60" s="488"/>
      <c r="M60" s="173" t="s">
        <v>656</v>
      </c>
      <c r="N60" s="103"/>
      <c r="O60" s="103"/>
      <c r="P60" s="175" t="s">
        <v>25</v>
      </c>
      <c r="Q60" s="431"/>
      <c r="R60" s="431"/>
      <c r="S60" s="431"/>
      <c r="T60" s="431"/>
      <c r="U60" s="431"/>
      <c r="V60" s="431"/>
      <c r="W60" s="103" t="s">
        <v>337</v>
      </c>
      <c r="X60" s="102"/>
      <c r="Y60" s="102"/>
      <c r="Z60" s="102"/>
      <c r="AA60" s="102"/>
      <c r="AG60" s="104"/>
      <c r="AH60" s="121"/>
      <c r="AI60" s="124"/>
      <c r="AJ60" s="124"/>
      <c r="AK60" s="92"/>
      <c r="AL60" s="92"/>
      <c r="AM60" s="92"/>
      <c r="AN60" s="149"/>
      <c r="AP60" s="104"/>
    </row>
    <row r="61" spans="1:42" ht="15.95" customHeight="1" x14ac:dyDescent="0.15">
      <c r="A61" s="148"/>
      <c r="B61" s="92"/>
      <c r="C61" s="92"/>
      <c r="D61" s="145"/>
      <c r="E61" s="437" t="s">
        <v>175</v>
      </c>
      <c r="F61" s="438"/>
      <c r="G61" s="438"/>
      <c r="H61" s="439"/>
      <c r="I61" s="437" t="s">
        <v>176</v>
      </c>
      <c r="J61" s="438"/>
      <c r="K61" s="438"/>
      <c r="L61" s="439"/>
      <c r="M61" s="138" t="s">
        <v>7</v>
      </c>
      <c r="N61" s="98" t="s">
        <v>389</v>
      </c>
      <c r="O61" s="208"/>
      <c r="P61" s="98"/>
      <c r="Q61" s="206"/>
      <c r="R61" s="98"/>
      <c r="S61" s="98"/>
      <c r="T61" s="208"/>
      <c r="U61" s="206"/>
      <c r="V61" s="208"/>
      <c r="W61" s="206"/>
      <c r="X61" s="140"/>
      <c r="Y61" s="206"/>
      <c r="Z61" s="206"/>
      <c r="AA61" s="140"/>
      <c r="AB61" s="206"/>
      <c r="AC61" s="206"/>
      <c r="AD61" s="206"/>
      <c r="AE61" s="206"/>
      <c r="AF61" s="206"/>
      <c r="AG61" s="142"/>
      <c r="AH61" s="141"/>
      <c r="AI61" s="98"/>
      <c r="AJ61" s="98"/>
      <c r="AK61" s="98"/>
      <c r="AL61" s="98"/>
      <c r="AM61" s="142"/>
      <c r="AN61" s="141"/>
      <c r="AO61" s="98"/>
      <c r="AP61" s="99"/>
    </row>
    <row r="62" spans="1:42" ht="15.95" customHeight="1" x14ac:dyDescent="0.15">
      <c r="A62" s="148"/>
      <c r="B62" s="92"/>
      <c r="C62" s="92"/>
      <c r="D62" s="145"/>
      <c r="E62" s="162"/>
      <c r="F62" s="153"/>
      <c r="G62" s="153"/>
      <c r="H62" s="154"/>
      <c r="I62" s="449" t="s">
        <v>178</v>
      </c>
      <c r="J62" s="450"/>
      <c r="K62" s="450"/>
      <c r="L62" s="451"/>
      <c r="M62" s="146" t="s">
        <v>7</v>
      </c>
      <c r="N62" s="384" t="s">
        <v>844</v>
      </c>
      <c r="O62" s="103"/>
      <c r="P62" s="92"/>
      <c r="Q62" s="102"/>
      <c r="R62" s="92"/>
      <c r="S62" s="92"/>
      <c r="T62" s="103"/>
      <c r="U62" s="102"/>
      <c r="V62" s="103"/>
      <c r="W62" s="102"/>
      <c r="X62" s="151"/>
      <c r="Y62" s="102"/>
      <c r="Z62" s="102"/>
      <c r="AA62" s="151"/>
      <c r="AB62" s="102"/>
      <c r="AC62" s="102"/>
      <c r="AD62" s="102"/>
      <c r="AE62" s="102"/>
      <c r="AF62" s="102"/>
      <c r="AG62" s="145"/>
      <c r="AH62" s="148"/>
      <c r="AI62" s="92"/>
      <c r="AJ62" s="92"/>
      <c r="AK62" s="92"/>
      <c r="AL62" s="92"/>
      <c r="AM62" s="145"/>
      <c r="AN62" s="148"/>
      <c r="AO62" s="92"/>
      <c r="AP62" s="104"/>
    </row>
    <row r="63" spans="1:42" ht="15.95" customHeight="1" x14ac:dyDescent="0.15">
      <c r="A63" s="169"/>
      <c r="B63" s="105"/>
      <c r="C63" s="105"/>
      <c r="D63" s="170"/>
      <c r="E63" s="169"/>
      <c r="F63" s="105"/>
      <c r="G63" s="105"/>
      <c r="H63" s="170"/>
      <c r="I63" s="461"/>
      <c r="J63" s="462"/>
      <c r="K63" s="462"/>
      <c r="L63" s="463"/>
      <c r="M63" s="385"/>
      <c r="N63" s="386" t="s">
        <v>842</v>
      </c>
      <c r="O63" s="97"/>
      <c r="P63" s="105"/>
      <c r="Q63" s="96"/>
      <c r="R63" s="105"/>
      <c r="S63" s="105"/>
      <c r="T63" s="97"/>
      <c r="U63" s="96"/>
      <c r="V63" s="97"/>
      <c r="W63" s="96"/>
      <c r="X63" s="126"/>
      <c r="Y63" s="96"/>
      <c r="Z63" s="96"/>
      <c r="AA63" s="126"/>
      <c r="AB63" s="96"/>
      <c r="AC63" s="96"/>
      <c r="AD63" s="96"/>
      <c r="AE63" s="96"/>
      <c r="AF63" s="96"/>
      <c r="AG63" s="170"/>
      <c r="AH63" s="169"/>
      <c r="AI63" s="105"/>
      <c r="AJ63" s="105"/>
      <c r="AK63" s="105"/>
      <c r="AL63" s="105"/>
      <c r="AM63" s="170"/>
      <c r="AN63" s="169"/>
      <c r="AO63" s="105"/>
      <c r="AP63" s="106"/>
    </row>
    <row r="64" spans="1:42" ht="15.95" customHeight="1" x14ac:dyDescent="0.15">
      <c r="A64" s="437" t="s">
        <v>319</v>
      </c>
      <c r="B64" s="438"/>
      <c r="C64" s="438"/>
      <c r="D64" s="439"/>
      <c r="E64" s="600" t="s">
        <v>391</v>
      </c>
      <c r="F64" s="601"/>
      <c r="G64" s="601"/>
      <c r="H64" s="602"/>
      <c r="I64" s="517" t="s">
        <v>392</v>
      </c>
      <c r="J64" s="518"/>
      <c r="K64" s="518"/>
      <c r="L64" s="519"/>
      <c r="M64" s="98" t="s">
        <v>393</v>
      </c>
      <c r="N64" s="98"/>
      <c r="O64" s="98"/>
      <c r="P64" s="98"/>
      <c r="Q64" s="98"/>
      <c r="R64" s="98"/>
      <c r="S64" s="98"/>
      <c r="T64" s="98"/>
      <c r="U64" s="98"/>
      <c r="V64" s="98"/>
      <c r="W64" s="98"/>
      <c r="X64" s="98"/>
      <c r="Y64" s="98"/>
      <c r="Z64" s="98"/>
      <c r="AA64" s="98"/>
      <c r="AB64" s="98"/>
      <c r="AC64" s="98"/>
      <c r="AD64" s="98"/>
      <c r="AE64" s="98"/>
      <c r="AF64" s="114"/>
      <c r="AG64" s="99"/>
      <c r="AH64" s="138" t="s">
        <v>7</v>
      </c>
      <c r="AI64" s="98" t="s">
        <v>69</v>
      </c>
      <c r="AJ64" s="98"/>
      <c r="AK64" s="98"/>
      <c r="AL64" s="114"/>
      <c r="AM64" s="98"/>
      <c r="AN64" s="263"/>
      <c r="AO64" s="114"/>
      <c r="AP64" s="99"/>
    </row>
    <row r="65" spans="1:42" ht="15.95" customHeight="1" x14ac:dyDescent="0.15">
      <c r="A65" s="449" t="s">
        <v>321</v>
      </c>
      <c r="B65" s="450"/>
      <c r="C65" s="450"/>
      <c r="D65" s="451"/>
      <c r="E65" s="537"/>
      <c r="F65" s="538"/>
      <c r="G65" s="538"/>
      <c r="H65" s="539"/>
      <c r="I65" s="520"/>
      <c r="J65" s="521"/>
      <c r="K65" s="521"/>
      <c r="L65" s="522"/>
      <c r="M65" s="92"/>
      <c r="N65" s="92" t="s">
        <v>25</v>
      </c>
      <c r="O65" s="431"/>
      <c r="P65" s="431"/>
      <c r="Q65" s="431"/>
      <c r="R65" s="431"/>
      <c r="S65" s="431"/>
      <c r="T65" s="175" t="s">
        <v>112</v>
      </c>
      <c r="U65" s="92" t="s">
        <v>358</v>
      </c>
      <c r="V65" s="92"/>
      <c r="W65" s="92"/>
      <c r="X65" s="92"/>
      <c r="Y65" s="92"/>
      <c r="Z65" s="92"/>
      <c r="AA65" s="92"/>
      <c r="AB65" s="92"/>
      <c r="AC65" s="92"/>
      <c r="AD65" s="92"/>
      <c r="AE65" s="92"/>
      <c r="AG65" s="104"/>
      <c r="AH65" s="146" t="s">
        <v>7</v>
      </c>
      <c r="AI65" s="92" t="s">
        <v>363</v>
      </c>
      <c r="AJ65" s="92"/>
      <c r="AK65" s="92"/>
      <c r="AM65" s="92"/>
      <c r="AN65" s="149"/>
      <c r="AP65" s="104"/>
    </row>
    <row r="66" spans="1:42" ht="15.95" customHeight="1" x14ac:dyDescent="0.15">
      <c r="A66" s="148"/>
      <c r="B66" s="92"/>
      <c r="C66" s="92"/>
      <c r="D66" s="145"/>
      <c r="E66" s="537"/>
      <c r="F66" s="538"/>
      <c r="G66" s="538"/>
      <c r="H66" s="539"/>
      <c r="I66" s="520"/>
      <c r="J66" s="521"/>
      <c r="K66" s="521"/>
      <c r="L66" s="522"/>
      <c r="M66" s="92" t="s">
        <v>394</v>
      </c>
      <c r="N66" s="92"/>
      <c r="O66" s="92"/>
      <c r="P66" s="92"/>
      <c r="Q66" s="92"/>
      <c r="R66" s="92"/>
      <c r="S66" s="92"/>
      <c r="T66" s="92"/>
      <c r="U66" s="92"/>
      <c r="V66" s="92"/>
      <c r="W66" s="92"/>
      <c r="X66" s="92"/>
      <c r="Y66" s="92"/>
      <c r="Z66" s="92"/>
      <c r="AA66" s="92"/>
      <c r="AB66" s="92"/>
      <c r="AC66" s="92"/>
      <c r="AD66" s="92"/>
      <c r="AE66" s="92"/>
      <c r="AG66" s="104"/>
      <c r="AH66" s="146" t="s">
        <v>7</v>
      </c>
      <c r="AI66" s="92" t="s">
        <v>395</v>
      </c>
      <c r="AJ66" s="92"/>
      <c r="AK66" s="182"/>
      <c r="AL66" s="182"/>
      <c r="AM66" s="92"/>
      <c r="AN66" s="149"/>
      <c r="AP66" s="104"/>
    </row>
    <row r="67" spans="1:42" ht="15.95" customHeight="1" x14ac:dyDescent="0.15">
      <c r="A67" s="148"/>
      <c r="B67" s="92"/>
      <c r="C67" s="92"/>
      <c r="D67" s="145"/>
      <c r="E67" s="537"/>
      <c r="F67" s="538"/>
      <c r="G67" s="538"/>
      <c r="H67" s="539"/>
      <c r="I67" s="520"/>
      <c r="J67" s="521"/>
      <c r="K67" s="521"/>
      <c r="L67" s="522"/>
      <c r="M67" s="92"/>
      <c r="N67" s="92" t="s">
        <v>25</v>
      </c>
      <c r="O67" s="431"/>
      <c r="P67" s="431"/>
      <c r="Q67" s="431"/>
      <c r="R67" s="431"/>
      <c r="S67" s="431"/>
      <c r="T67" s="175" t="s">
        <v>112</v>
      </c>
      <c r="U67" s="92"/>
      <c r="V67" s="92"/>
      <c r="W67" s="92"/>
      <c r="X67" s="92"/>
      <c r="Y67" s="92"/>
      <c r="Z67" s="92"/>
      <c r="AA67" s="92"/>
      <c r="AB67" s="92"/>
      <c r="AC67" s="92"/>
      <c r="AD67" s="92"/>
      <c r="AE67" s="92"/>
      <c r="AG67" s="104"/>
      <c r="AH67" s="146" t="s">
        <v>7</v>
      </c>
      <c r="AI67" s="156"/>
      <c r="AJ67" s="92"/>
      <c r="AK67" s="92"/>
      <c r="AL67" s="92"/>
      <c r="AM67" s="92"/>
      <c r="AN67" s="149"/>
      <c r="AP67" s="104"/>
    </row>
    <row r="68" spans="1:42" ht="15.95" customHeight="1" x14ac:dyDescent="0.15">
      <c r="A68" s="146" t="s">
        <v>7</v>
      </c>
      <c r="B68" s="538" t="s">
        <v>667</v>
      </c>
      <c r="C68" s="538"/>
      <c r="D68" s="539"/>
      <c r="E68" s="537"/>
      <c r="F68" s="538"/>
      <c r="G68" s="538"/>
      <c r="H68" s="539"/>
      <c r="I68" s="520"/>
      <c r="J68" s="521"/>
      <c r="K68" s="521"/>
      <c r="L68" s="522"/>
      <c r="M68" s="92" t="s">
        <v>657</v>
      </c>
      <c r="N68" s="92"/>
      <c r="O68" s="92"/>
      <c r="P68" s="92"/>
      <c r="Q68" s="92"/>
      <c r="R68" s="92"/>
      <c r="S68" s="92"/>
      <c r="T68" s="92"/>
      <c r="U68" s="92"/>
      <c r="V68" s="92"/>
      <c r="W68" s="92"/>
      <c r="X68" s="92"/>
      <c r="Y68" s="92"/>
      <c r="Z68" s="92"/>
      <c r="AA68" s="92"/>
      <c r="AB68" s="92"/>
      <c r="AC68" s="92"/>
      <c r="AD68" s="92"/>
      <c r="AE68" s="92"/>
      <c r="AG68" s="104"/>
      <c r="AH68" s="155"/>
      <c r="AI68" s="92"/>
      <c r="AJ68" s="182"/>
      <c r="AK68" s="182"/>
      <c r="AL68" s="92"/>
      <c r="AM68" s="92"/>
      <c r="AN68" s="149"/>
      <c r="AP68" s="104"/>
    </row>
    <row r="69" spans="1:42" ht="15.95" customHeight="1" x14ac:dyDescent="0.15">
      <c r="A69" s="149"/>
      <c r="B69" s="538"/>
      <c r="C69" s="538"/>
      <c r="D69" s="539"/>
      <c r="E69" s="537"/>
      <c r="F69" s="538"/>
      <c r="G69" s="538"/>
      <c r="H69" s="539"/>
      <c r="I69" s="618"/>
      <c r="J69" s="619"/>
      <c r="K69" s="619"/>
      <c r="L69" s="620"/>
      <c r="M69" s="105"/>
      <c r="N69" s="105" t="s">
        <v>25</v>
      </c>
      <c r="O69" s="456"/>
      <c r="P69" s="456"/>
      <c r="Q69" s="456"/>
      <c r="R69" s="456"/>
      <c r="S69" s="456"/>
      <c r="T69" s="253" t="s">
        <v>112</v>
      </c>
      <c r="U69" s="105"/>
      <c r="V69" s="105"/>
      <c r="W69" s="105"/>
      <c r="X69" s="105"/>
      <c r="Y69" s="105"/>
      <c r="Z69" s="105"/>
      <c r="AA69" s="105"/>
      <c r="AB69" s="105"/>
      <c r="AC69" s="105"/>
      <c r="AD69" s="105"/>
      <c r="AE69" s="105"/>
      <c r="AF69" s="116"/>
      <c r="AG69" s="106"/>
      <c r="AH69" s="148"/>
      <c r="AI69" s="92"/>
      <c r="AJ69" s="92"/>
      <c r="AK69" s="92"/>
      <c r="AL69" s="92"/>
      <c r="AM69" s="92"/>
      <c r="AN69" s="149"/>
      <c r="AP69" s="104"/>
    </row>
    <row r="70" spans="1:42" ht="15.95" customHeight="1" x14ac:dyDescent="0.15">
      <c r="A70" s="149"/>
      <c r="B70" s="538"/>
      <c r="C70" s="538"/>
      <c r="D70" s="539"/>
      <c r="E70" s="537"/>
      <c r="F70" s="538"/>
      <c r="G70" s="538"/>
      <c r="H70" s="539"/>
      <c r="I70" s="517" t="s">
        <v>398</v>
      </c>
      <c r="J70" s="518"/>
      <c r="K70" s="518"/>
      <c r="L70" s="519"/>
      <c r="M70" s="92" t="s">
        <v>399</v>
      </c>
      <c r="N70" s="92"/>
      <c r="O70" s="92"/>
      <c r="P70" s="92"/>
      <c r="Q70" s="92"/>
      <c r="R70" s="92"/>
      <c r="S70" s="92"/>
      <c r="T70" s="92" t="s">
        <v>25</v>
      </c>
      <c r="U70" s="453"/>
      <c r="V70" s="453"/>
      <c r="W70" s="453"/>
      <c r="X70" s="453"/>
      <c r="Y70" s="92" t="s">
        <v>26</v>
      </c>
      <c r="Z70" s="92" t="s">
        <v>400</v>
      </c>
      <c r="AA70" s="92"/>
      <c r="AB70" s="92"/>
      <c r="AC70" s="92"/>
      <c r="AD70" s="92"/>
      <c r="AE70" s="92"/>
      <c r="AF70" s="92"/>
      <c r="AG70" s="142"/>
      <c r="AH70" s="92"/>
      <c r="AI70" s="92"/>
      <c r="AJ70" s="92"/>
      <c r="AK70" s="92"/>
      <c r="AL70" s="92"/>
      <c r="AM70" s="92"/>
      <c r="AN70" s="149"/>
      <c r="AP70" s="104"/>
    </row>
    <row r="71" spans="1:42" ht="15.95" customHeight="1" x14ac:dyDescent="0.15">
      <c r="A71" s="149"/>
      <c r="B71" s="538"/>
      <c r="C71" s="538"/>
      <c r="D71" s="539"/>
      <c r="E71" s="537"/>
      <c r="F71" s="538"/>
      <c r="G71" s="538"/>
      <c r="H71" s="539"/>
      <c r="I71" s="520"/>
      <c r="J71" s="521"/>
      <c r="K71" s="521"/>
      <c r="L71" s="522"/>
      <c r="M71" s="92" t="s">
        <v>401</v>
      </c>
      <c r="N71" s="92"/>
      <c r="O71" s="92"/>
      <c r="P71" s="92"/>
      <c r="Q71" s="92"/>
      <c r="R71" s="92"/>
      <c r="S71" s="92"/>
      <c r="T71" s="92" t="s">
        <v>25</v>
      </c>
      <c r="U71" s="431"/>
      <c r="V71" s="431"/>
      <c r="W71" s="431"/>
      <c r="X71" s="431"/>
      <c r="Y71" s="92" t="s">
        <v>26</v>
      </c>
      <c r="Z71" s="92" t="s">
        <v>400</v>
      </c>
      <c r="AA71" s="92"/>
      <c r="AB71" s="92"/>
      <c r="AC71" s="92"/>
      <c r="AD71" s="92"/>
      <c r="AE71" s="92"/>
      <c r="AF71" s="92"/>
      <c r="AG71" s="145"/>
      <c r="AH71" s="92"/>
      <c r="AI71" s="92"/>
      <c r="AJ71" s="92"/>
      <c r="AK71" s="92"/>
      <c r="AL71" s="92"/>
      <c r="AM71" s="92"/>
      <c r="AN71" s="149"/>
      <c r="AP71" s="104"/>
    </row>
    <row r="72" spans="1:42" ht="15.95" customHeight="1" x14ac:dyDescent="0.15">
      <c r="A72" s="148"/>
      <c r="B72" s="92"/>
      <c r="C72" s="92"/>
      <c r="D72" s="145"/>
      <c r="E72" s="537"/>
      <c r="F72" s="538"/>
      <c r="G72" s="538"/>
      <c r="H72" s="539"/>
      <c r="I72" s="618"/>
      <c r="J72" s="619"/>
      <c r="K72" s="619"/>
      <c r="L72" s="620"/>
      <c r="M72" s="169" t="s">
        <v>402</v>
      </c>
      <c r="N72" s="105"/>
      <c r="O72" s="105"/>
      <c r="P72" s="105"/>
      <c r="Q72" s="105"/>
      <c r="R72" s="105"/>
      <c r="S72" s="105"/>
      <c r="T72" s="105" t="s">
        <v>25</v>
      </c>
      <c r="U72" s="456"/>
      <c r="V72" s="456"/>
      <c r="W72" s="456"/>
      <c r="X72" s="456"/>
      <c r="Y72" s="105" t="s">
        <v>26</v>
      </c>
      <c r="Z72" s="105" t="s">
        <v>400</v>
      </c>
      <c r="AA72" s="105"/>
      <c r="AB72" s="105"/>
      <c r="AC72" s="105"/>
      <c r="AD72" s="105"/>
      <c r="AE72" s="105"/>
      <c r="AF72" s="105"/>
      <c r="AG72" s="170"/>
      <c r="AH72" s="92"/>
      <c r="AI72" s="92"/>
      <c r="AJ72" s="92"/>
      <c r="AK72" s="92"/>
      <c r="AL72" s="92"/>
      <c r="AM72" s="92"/>
      <c r="AN72" s="149"/>
      <c r="AP72" s="104"/>
    </row>
    <row r="73" spans="1:42" ht="15.95" customHeight="1" x14ac:dyDescent="0.15">
      <c r="A73" s="148"/>
      <c r="B73" s="92"/>
      <c r="C73" s="92"/>
      <c r="D73" s="145"/>
      <c r="E73" s="537"/>
      <c r="F73" s="538"/>
      <c r="G73" s="538"/>
      <c r="H73" s="539"/>
      <c r="I73" s="473" t="s">
        <v>403</v>
      </c>
      <c r="J73" s="474"/>
      <c r="K73" s="474"/>
      <c r="L73" s="475"/>
      <c r="M73" s="151" t="s">
        <v>7</v>
      </c>
      <c r="N73" s="92" t="s">
        <v>404</v>
      </c>
      <c r="O73" s="92"/>
      <c r="P73" s="92"/>
      <c r="Q73" s="92"/>
      <c r="R73" s="92"/>
      <c r="S73" s="92"/>
      <c r="T73" s="92"/>
      <c r="U73" s="92"/>
      <c r="V73" s="92"/>
      <c r="W73" s="92"/>
      <c r="X73" s="92"/>
      <c r="Y73" s="92"/>
      <c r="Z73" s="92"/>
      <c r="AA73" s="92"/>
      <c r="AB73" s="92"/>
      <c r="AC73" s="92"/>
      <c r="AD73" s="92"/>
      <c r="AE73" s="92"/>
      <c r="AF73" s="92"/>
      <c r="AG73" s="142"/>
      <c r="AH73" s="148"/>
      <c r="AI73" s="92"/>
      <c r="AJ73" s="92"/>
      <c r="AK73" s="92"/>
      <c r="AL73" s="92"/>
      <c r="AM73" s="92"/>
      <c r="AN73" s="149"/>
      <c r="AP73" s="104"/>
    </row>
    <row r="74" spans="1:42" ht="15.95" customHeight="1" x14ac:dyDescent="0.15">
      <c r="A74" s="148"/>
      <c r="B74" s="92"/>
      <c r="C74" s="92"/>
      <c r="D74" s="145"/>
      <c r="E74" s="537"/>
      <c r="F74" s="538"/>
      <c r="G74" s="538"/>
      <c r="H74" s="539"/>
      <c r="I74" s="531"/>
      <c r="J74" s="532"/>
      <c r="K74" s="532"/>
      <c r="L74" s="533"/>
      <c r="M74" s="105"/>
      <c r="N74" s="105"/>
      <c r="O74" s="105"/>
      <c r="P74" s="105"/>
      <c r="Q74" s="105"/>
      <c r="R74" s="105"/>
      <c r="S74" s="105"/>
      <c r="T74" s="105"/>
      <c r="U74" s="105"/>
      <c r="V74" s="105"/>
      <c r="W74" s="105"/>
      <c r="X74" s="105"/>
      <c r="Y74" s="105"/>
      <c r="Z74" s="105"/>
      <c r="AA74" s="105"/>
      <c r="AB74" s="105"/>
      <c r="AC74" s="105"/>
      <c r="AD74" s="105"/>
      <c r="AE74" s="105"/>
      <c r="AF74" s="105"/>
      <c r="AG74" s="170"/>
      <c r="AH74" s="148"/>
      <c r="AI74" s="92"/>
      <c r="AJ74" s="92"/>
      <c r="AK74" s="92"/>
      <c r="AL74" s="92"/>
      <c r="AM74" s="92"/>
      <c r="AN74" s="149"/>
      <c r="AP74" s="104"/>
    </row>
    <row r="75" spans="1:42" ht="15.95" customHeight="1" x14ac:dyDescent="0.15">
      <c r="A75" s="148"/>
      <c r="B75" s="92"/>
      <c r="C75" s="92"/>
      <c r="D75" s="145"/>
      <c r="E75" s="537"/>
      <c r="F75" s="538"/>
      <c r="G75" s="538"/>
      <c r="H75" s="539"/>
      <c r="I75" s="437" t="s">
        <v>405</v>
      </c>
      <c r="J75" s="438"/>
      <c r="K75" s="438"/>
      <c r="L75" s="439"/>
      <c r="M75" s="151" t="s">
        <v>7</v>
      </c>
      <c r="N75" s="92" t="s">
        <v>406</v>
      </c>
      <c r="O75" s="92"/>
      <c r="P75" s="92"/>
      <c r="Q75" s="92"/>
      <c r="R75" s="92"/>
      <c r="S75" s="92"/>
      <c r="T75" s="92"/>
      <c r="U75" s="92"/>
      <c r="V75" s="92"/>
      <c r="W75" s="92"/>
      <c r="X75" s="92"/>
      <c r="Y75" s="92"/>
      <c r="Z75" s="92"/>
      <c r="AA75" s="92"/>
      <c r="AB75" s="92"/>
      <c r="AC75" s="92"/>
      <c r="AD75" s="92"/>
      <c r="AE75" s="92"/>
      <c r="AF75" s="92"/>
      <c r="AG75" s="142"/>
      <c r="AH75" s="92"/>
      <c r="AI75" s="92"/>
      <c r="AJ75" s="92"/>
      <c r="AK75" s="92"/>
      <c r="AL75" s="92"/>
      <c r="AM75" s="92"/>
      <c r="AN75" s="149"/>
      <c r="AP75" s="104"/>
    </row>
    <row r="76" spans="1:42" ht="15.95" customHeight="1" x14ac:dyDescent="0.15">
      <c r="A76" s="148"/>
      <c r="B76" s="92"/>
      <c r="C76" s="92"/>
      <c r="D76" s="145"/>
      <c r="E76" s="537"/>
      <c r="F76" s="538"/>
      <c r="G76" s="538"/>
      <c r="H76" s="539"/>
      <c r="I76" s="449"/>
      <c r="J76" s="450"/>
      <c r="K76" s="450"/>
      <c r="L76" s="451"/>
      <c r="M76" s="92"/>
      <c r="N76" s="92" t="s">
        <v>407</v>
      </c>
      <c r="O76" s="92"/>
      <c r="P76" s="92"/>
      <c r="Q76" s="92" t="s">
        <v>25</v>
      </c>
      <c r="R76" s="431"/>
      <c r="S76" s="431"/>
      <c r="T76" s="431"/>
      <c r="U76" s="92" t="s">
        <v>26</v>
      </c>
      <c r="V76" s="92" t="s">
        <v>408</v>
      </c>
      <c r="W76" s="92"/>
      <c r="X76" s="92"/>
      <c r="Y76" s="92"/>
      <c r="Z76" s="92"/>
      <c r="AA76" s="92"/>
      <c r="AB76" s="92"/>
      <c r="AC76" s="92"/>
      <c r="AD76" s="92"/>
      <c r="AE76" s="92"/>
      <c r="AF76" s="92"/>
      <c r="AG76" s="145"/>
      <c r="AH76" s="92"/>
      <c r="AI76" s="92"/>
      <c r="AJ76" s="92"/>
      <c r="AK76" s="92"/>
      <c r="AL76" s="92"/>
      <c r="AM76" s="92"/>
      <c r="AN76" s="149"/>
      <c r="AP76" s="104"/>
    </row>
    <row r="77" spans="1:42" ht="15.95" customHeight="1" x14ac:dyDescent="0.15">
      <c r="A77" s="148"/>
      <c r="B77" s="92"/>
      <c r="C77" s="92"/>
      <c r="D77" s="145"/>
      <c r="E77" s="537"/>
      <c r="F77" s="538"/>
      <c r="G77" s="538"/>
      <c r="H77" s="539"/>
      <c r="I77" s="461"/>
      <c r="J77" s="462"/>
      <c r="K77" s="462"/>
      <c r="L77" s="463"/>
      <c r="M77" s="105"/>
      <c r="N77" s="105" t="s">
        <v>409</v>
      </c>
      <c r="O77" s="105"/>
      <c r="P77" s="105"/>
      <c r="Q77" s="105" t="s">
        <v>25</v>
      </c>
      <c r="R77" s="456"/>
      <c r="S77" s="456"/>
      <c r="T77" s="456"/>
      <c r="U77" s="105" t="s">
        <v>26</v>
      </c>
      <c r="V77" s="105" t="s">
        <v>408</v>
      </c>
      <c r="W77" s="105"/>
      <c r="X77" s="105"/>
      <c r="Y77" s="105"/>
      <c r="Z77" s="105"/>
      <c r="AA77" s="105"/>
      <c r="AB77" s="105"/>
      <c r="AC77" s="105"/>
      <c r="AD77" s="105"/>
      <c r="AE77" s="105"/>
      <c r="AF77" s="105"/>
      <c r="AG77" s="170"/>
      <c r="AH77" s="148"/>
      <c r="AI77" s="92"/>
      <c r="AJ77" s="92"/>
      <c r="AK77" s="92"/>
      <c r="AL77" s="92"/>
      <c r="AM77" s="92"/>
      <c r="AN77" s="149"/>
      <c r="AP77" s="104"/>
    </row>
    <row r="78" spans="1:42" ht="15.95" customHeight="1" x14ac:dyDescent="0.15">
      <c r="A78" s="148"/>
      <c r="B78" s="92"/>
      <c r="C78" s="92"/>
      <c r="D78" s="145"/>
      <c r="E78" s="603"/>
      <c r="F78" s="604"/>
      <c r="G78" s="604"/>
      <c r="H78" s="605"/>
      <c r="I78" s="464" t="s">
        <v>410</v>
      </c>
      <c r="J78" s="465"/>
      <c r="K78" s="465"/>
      <c r="L78" s="466"/>
      <c r="M78" s="278" t="s">
        <v>7</v>
      </c>
      <c r="N78" s="94" t="s">
        <v>411</v>
      </c>
      <c r="O78" s="94"/>
      <c r="P78" s="94"/>
      <c r="Q78" s="94"/>
      <c r="R78" s="94"/>
      <c r="S78" s="94"/>
      <c r="T78" s="94"/>
      <c r="U78" s="94"/>
      <c r="V78" s="94"/>
      <c r="W78" s="94"/>
      <c r="X78" s="94"/>
      <c r="Y78" s="94"/>
      <c r="Z78" s="94"/>
      <c r="AA78" s="94"/>
      <c r="AB78" s="94"/>
      <c r="AC78" s="94"/>
      <c r="AD78" s="94"/>
      <c r="AE78" s="94"/>
      <c r="AF78" s="94"/>
      <c r="AG78" s="279"/>
      <c r="AH78" s="105"/>
      <c r="AI78" s="105"/>
      <c r="AJ78" s="105"/>
      <c r="AK78" s="105"/>
      <c r="AL78" s="105"/>
      <c r="AM78" s="105"/>
      <c r="AN78" s="219"/>
      <c r="AO78" s="116"/>
      <c r="AP78" s="106"/>
    </row>
    <row r="79" spans="1:42" ht="15.95" customHeight="1" x14ac:dyDescent="0.15">
      <c r="A79" s="148"/>
      <c r="B79" s="92"/>
      <c r="C79" s="92"/>
      <c r="D79" s="145"/>
      <c r="E79" s="600" t="s">
        <v>412</v>
      </c>
      <c r="F79" s="601"/>
      <c r="G79" s="601"/>
      <c r="H79" s="602"/>
      <c r="I79" s="437" t="s">
        <v>413</v>
      </c>
      <c r="J79" s="438"/>
      <c r="K79" s="438"/>
      <c r="L79" s="439"/>
      <c r="M79" s="151" t="s">
        <v>7</v>
      </c>
      <c r="N79" s="92"/>
      <c r="O79" s="92" t="s">
        <v>25</v>
      </c>
      <c r="P79" s="453"/>
      <c r="Q79" s="453"/>
      <c r="R79" s="453"/>
      <c r="S79" s="453"/>
      <c r="T79" s="453"/>
      <c r="U79" s="453"/>
      <c r="V79" s="453"/>
      <c r="W79" s="453"/>
      <c r="X79" s="453"/>
      <c r="Y79" s="453"/>
      <c r="Z79" s="92" t="s">
        <v>26</v>
      </c>
      <c r="AA79" s="92"/>
      <c r="AB79" s="92"/>
      <c r="AC79" s="92"/>
      <c r="AD79" s="92"/>
      <c r="AE79" s="92"/>
      <c r="AF79" s="92"/>
      <c r="AG79" s="142"/>
      <c r="AH79" s="146" t="s">
        <v>7</v>
      </c>
      <c r="AI79" s="92" t="s">
        <v>169</v>
      </c>
      <c r="AJ79" s="92"/>
      <c r="AK79" s="92"/>
      <c r="AL79" s="151"/>
      <c r="AM79" s="92"/>
      <c r="AN79" s="149"/>
      <c r="AP79" s="104"/>
    </row>
    <row r="80" spans="1:42" ht="15.95" customHeight="1" x14ac:dyDescent="0.15">
      <c r="A80" s="148"/>
      <c r="B80" s="92"/>
      <c r="C80" s="92"/>
      <c r="D80" s="145"/>
      <c r="E80" s="537"/>
      <c r="F80" s="538"/>
      <c r="G80" s="538"/>
      <c r="H80" s="539"/>
      <c r="I80" s="461"/>
      <c r="J80" s="462"/>
      <c r="K80" s="462"/>
      <c r="L80" s="463"/>
      <c r="M80" s="105"/>
      <c r="N80" s="105"/>
      <c r="O80" s="105"/>
      <c r="P80" s="105"/>
      <c r="Q80" s="105"/>
      <c r="R80" s="105"/>
      <c r="S80" s="105"/>
      <c r="T80" s="105"/>
      <c r="U80" s="105"/>
      <c r="V80" s="105"/>
      <c r="W80" s="105"/>
      <c r="X80" s="105"/>
      <c r="Y80" s="105"/>
      <c r="Z80" s="105"/>
      <c r="AA80" s="105"/>
      <c r="AB80" s="105"/>
      <c r="AC80" s="105"/>
      <c r="AD80" s="105"/>
      <c r="AE80" s="105"/>
      <c r="AF80" s="105"/>
      <c r="AG80" s="170"/>
      <c r="AH80" s="146" t="s">
        <v>7</v>
      </c>
      <c r="AI80" s="92" t="s">
        <v>414</v>
      </c>
      <c r="AJ80" s="92"/>
      <c r="AK80" s="92"/>
      <c r="AL80" s="151"/>
      <c r="AM80" s="92"/>
      <c r="AN80" s="149"/>
      <c r="AP80" s="104"/>
    </row>
    <row r="81" spans="1:42" ht="15.95" customHeight="1" x14ac:dyDescent="0.15">
      <c r="A81" s="148"/>
      <c r="B81" s="92"/>
      <c r="C81" s="92"/>
      <c r="D81" s="145"/>
      <c r="E81" s="537"/>
      <c r="F81" s="538"/>
      <c r="G81" s="538"/>
      <c r="H81" s="539"/>
      <c r="I81" s="437" t="s">
        <v>415</v>
      </c>
      <c r="J81" s="438"/>
      <c r="K81" s="438"/>
      <c r="L81" s="439"/>
      <c r="M81" s="151" t="s">
        <v>7</v>
      </c>
      <c r="N81" s="92"/>
      <c r="O81" s="92" t="s">
        <v>25</v>
      </c>
      <c r="P81" s="453"/>
      <c r="Q81" s="453"/>
      <c r="R81" s="453"/>
      <c r="S81" s="453"/>
      <c r="T81" s="453"/>
      <c r="U81" s="453"/>
      <c r="V81" s="453"/>
      <c r="W81" s="453"/>
      <c r="X81" s="453"/>
      <c r="Y81" s="453"/>
      <c r="Z81" s="92" t="s">
        <v>26</v>
      </c>
      <c r="AA81" s="92"/>
      <c r="AB81" s="92"/>
      <c r="AC81" s="92"/>
      <c r="AD81" s="92"/>
      <c r="AE81" s="92"/>
      <c r="AF81" s="92"/>
      <c r="AG81" s="142"/>
      <c r="AH81" s="146" t="s">
        <v>7</v>
      </c>
      <c r="AI81" s="92"/>
      <c r="AJ81" s="92"/>
      <c r="AK81" s="92"/>
      <c r="AL81" s="92"/>
      <c r="AM81" s="92"/>
      <c r="AN81" s="149"/>
      <c r="AP81" s="104"/>
    </row>
    <row r="82" spans="1:42" ht="15.95" customHeight="1" x14ac:dyDescent="0.15">
      <c r="A82" s="148"/>
      <c r="B82" s="92"/>
      <c r="C82" s="92"/>
      <c r="D82" s="145"/>
      <c r="E82" s="537"/>
      <c r="F82" s="538"/>
      <c r="G82" s="538"/>
      <c r="H82" s="539"/>
      <c r="I82" s="461"/>
      <c r="J82" s="462"/>
      <c r="K82" s="462"/>
      <c r="L82" s="463"/>
      <c r="M82" s="105"/>
      <c r="N82" s="105"/>
      <c r="O82" s="105"/>
      <c r="P82" s="105"/>
      <c r="Q82" s="105"/>
      <c r="R82" s="105"/>
      <c r="S82" s="105"/>
      <c r="T82" s="105"/>
      <c r="U82" s="105"/>
      <c r="V82" s="105"/>
      <c r="W82" s="105"/>
      <c r="X82" s="105"/>
      <c r="Y82" s="105"/>
      <c r="Z82" s="105"/>
      <c r="AA82" s="105"/>
      <c r="AB82" s="105"/>
      <c r="AC82" s="105"/>
      <c r="AD82" s="105"/>
      <c r="AE82" s="105"/>
      <c r="AF82" s="105"/>
      <c r="AG82" s="170"/>
      <c r="AH82" s="146"/>
      <c r="AI82" s="92"/>
      <c r="AJ82" s="92"/>
      <c r="AK82" s="92"/>
      <c r="AL82" s="92"/>
      <c r="AM82" s="92"/>
      <c r="AN82" s="149"/>
      <c r="AP82" s="104"/>
    </row>
    <row r="83" spans="1:42" ht="15.95" customHeight="1" x14ac:dyDescent="0.15">
      <c r="A83" s="148"/>
      <c r="B83" s="92"/>
      <c r="C83" s="92"/>
      <c r="D83" s="145"/>
      <c r="E83" s="537"/>
      <c r="F83" s="538"/>
      <c r="G83" s="538"/>
      <c r="H83" s="539"/>
      <c r="I83" s="437" t="s">
        <v>658</v>
      </c>
      <c r="J83" s="438"/>
      <c r="K83" s="438"/>
      <c r="L83" s="439"/>
      <c r="M83" s="151" t="s">
        <v>7</v>
      </c>
      <c r="N83" s="92"/>
      <c r="O83" s="92" t="s">
        <v>25</v>
      </c>
      <c r="P83" s="453"/>
      <c r="Q83" s="453"/>
      <c r="R83" s="453"/>
      <c r="S83" s="453"/>
      <c r="T83" s="453"/>
      <c r="U83" s="453"/>
      <c r="V83" s="453"/>
      <c r="W83" s="453"/>
      <c r="X83" s="453"/>
      <c r="Y83" s="453"/>
      <c r="Z83" s="92" t="s">
        <v>26</v>
      </c>
      <c r="AA83" s="92"/>
      <c r="AB83" s="92"/>
      <c r="AC83" s="92"/>
      <c r="AD83" s="92"/>
      <c r="AE83" s="92"/>
      <c r="AF83" s="92"/>
      <c r="AG83" s="142"/>
      <c r="AH83" s="92"/>
      <c r="AI83" s="92"/>
      <c r="AJ83" s="92"/>
      <c r="AK83" s="92"/>
      <c r="AL83" s="151"/>
      <c r="AM83" s="92"/>
      <c r="AN83" s="149"/>
      <c r="AP83" s="104"/>
    </row>
    <row r="84" spans="1:42" ht="15.95" customHeight="1" x14ac:dyDescent="0.15">
      <c r="A84" s="148"/>
      <c r="B84" s="92"/>
      <c r="C84" s="92"/>
      <c r="D84" s="145"/>
      <c r="E84" s="537"/>
      <c r="F84" s="538"/>
      <c r="G84" s="538"/>
      <c r="H84" s="539"/>
      <c r="I84" s="461" t="s">
        <v>659</v>
      </c>
      <c r="J84" s="462"/>
      <c r="K84" s="462"/>
      <c r="L84" s="463"/>
      <c r="M84" s="105"/>
      <c r="N84" s="105"/>
      <c r="O84" s="105"/>
      <c r="P84" s="105"/>
      <c r="Q84" s="105"/>
      <c r="R84" s="105"/>
      <c r="S84" s="105"/>
      <c r="T84" s="105"/>
      <c r="U84" s="105"/>
      <c r="V84" s="105"/>
      <c r="W84" s="105"/>
      <c r="X84" s="105"/>
      <c r="Y84" s="105"/>
      <c r="Z84" s="105"/>
      <c r="AA84" s="105"/>
      <c r="AB84" s="105"/>
      <c r="AC84" s="105"/>
      <c r="AD84" s="105"/>
      <c r="AE84" s="105"/>
      <c r="AF84" s="105"/>
      <c r="AG84" s="170"/>
      <c r="AH84" s="148"/>
      <c r="AI84" s="92"/>
      <c r="AJ84" s="92"/>
      <c r="AK84" s="92"/>
      <c r="AL84" s="92"/>
      <c r="AM84" s="92"/>
      <c r="AN84" s="149"/>
      <c r="AP84" s="104"/>
    </row>
    <row r="85" spans="1:42" ht="15.95" customHeight="1" x14ac:dyDescent="0.15">
      <c r="A85" s="148"/>
      <c r="B85" s="92"/>
      <c r="C85" s="92"/>
      <c r="D85" s="145"/>
      <c r="E85" s="537"/>
      <c r="F85" s="538"/>
      <c r="G85" s="538"/>
      <c r="H85" s="539"/>
      <c r="I85" s="437" t="s">
        <v>417</v>
      </c>
      <c r="J85" s="438"/>
      <c r="K85" s="438"/>
      <c r="L85" s="439"/>
      <c r="M85" s="151" t="s">
        <v>7</v>
      </c>
      <c r="N85" s="92" t="s">
        <v>418</v>
      </c>
      <c r="O85" s="92"/>
      <c r="P85" s="98"/>
      <c r="Q85" s="98" t="s">
        <v>25</v>
      </c>
      <c r="R85" s="453"/>
      <c r="S85" s="453"/>
      <c r="T85" s="453"/>
      <c r="U85" s="453"/>
      <c r="V85" s="453"/>
      <c r="W85" s="453"/>
      <c r="X85" s="453"/>
      <c r="Y85" s="453"/>
      <c r="Z85" s="92" t="s">
        <v>26</v>
      </c>
      <c r="AA85" s="92"/>
      <c r="AB85" s="92"/>
      <c r="AC85" s="92"/>
      <c r="AD85" s="92"/>
      <c r="AE85" s="92"/>
      <c r="AF85" s="92"/>
      <c r="AG85" s="142"/>
      <c r="AH85" s="92"/>
      <c r="AI85" s="92"/>
      <c r="AJ85" s="92"/>
      <c r="AK85" s="92"/>
      <c r="AL85" s="92"/>
      <c r="AM85" s="92"/>
      <c r="AN85" s="149"/>
      <c r="AP85" s="104"/>
    </row>
    <row r="86" spans="1:42" ht="15.95" customHeight="1" x14ac:dyDescent="0.15">
      <c r="A86" s="148"/>
      <c r="B86" s="92"/>
      <c r="C86" s="92"/>
      <c r="D86" s="145"/>
      <c r="E86" s="537"/>
      <c r="F86" s="538"/>
      <c r="G86" s="538"/>
      <c r="H86" s="539"/>
      <c r="I86" s="449"/>
      <c r="J86" s="450"/>
      <c r="K86" s="450"/>
      <c r="L86" s="451"/>
      <c r="M86" s="102" t="s">
        <v>66</v>
      </c>
      <c r="N86" s="92" t="s">
        <v>419</v>
      </c>
      <c r="O86" s="92"/>
      <c r="P86" s="92"/>
      <c r="R86" s="151" t="s">
        <v>7</v>
      </c>
      <c r="S86" s="92" t="s">
        <v>420</v>
      </c>
      <c r="T86" s="92"/>
      <c r="U86" s="92"/>
      <c r="V86" s="92"/>
      <c r="X86" s="151" t="s">
        <v>7</v>
      </c>
      <c r="Y86" s="92" t="s">
        <v>421</v>
      </c>
      <c r="Z86" s="92"/>
      <c r="AA86" s="92"/>
      <c r="AB86" s="92"/>
      <c r="AC86" s="92"/>
      <c r="AD86" s="92"/>
      <c r="AE86" s="92"/>
      <c r="AF86" s="92"/>
      <c r="AG86" s="145"/>
      <c r="AH86" s="92"/>
      <c r="AI86" s="92"/>
      <c r="AJ86" s="92"/>
      <c r="AK86" s="92"/>
      <c r="AL86" s="92"/>
      <c r="AM86" s="92"/>
      <c r="AN86" s="149"/>
      <c r="AP86" s="104"/>
    </row>
    <row r="87" spans="1:42" ht="15.95" customHeight="1" x14ac:dyDescent="0.15">
      <c r="A87" s="148"/>
      <c r="B87" s="92"/>
      <c r="C87" s="92"/>
      <c r="D87" s="145"/>
      <c r="E87" s="537"/>
      <c r="F87" s="538"/>
      <c r="G87" s="538"/>
      <c r="H87" s="539"/>
      <c r="I87" s="449"/>
      <c r="J87" s="450"/>
      <c r="K87" s="450"/>
      <c r="L87" s="451"/>
      <c r="M87" s="102" t="s">
        <v>66</v>
      </c>
      <c r="N87" s="92" t="s">
        <v>422</v>
      </c>
      <c r="O87" s="92"/>
      <c r="P87" s="92"/>
      <c r="R87" s="151" t="s">
        <v>7</v>
      </c>
      <c r="S87" s="92" t="s">
        <v>423</v>
      </c>
      <c r="T87" s="92"/>
      <c r="U87" s="92"/>
      <c r="V87" s="92"/>
      <c r="W87" s="92"/>
      <c r="X87" s="92"/>
      <c r="Y87" s="92"/>
      <c r="Z87" s="92"/>
      <c r="AA87" s="92"/>
      <c r="AB87" s="92"/>
      <c r="AC87" s="92"/>
      <c r="AD87" s="92"/>
      <c r="AE87" s="92"/>
      <c r="AF87" s="92"/>
      <c r="AG87" s="145"/>
      <c r="AH87" s="148"/>
      <c r="AI87" s="92"/>
      <c r="AJ87" s="92"/>
      <c r="AK87" s="92"/>
      <c r="AL87" s="92"/>
      <c r="AM87" s="92"/>
      <c r="AN87" s="149"/>
      <c r="AP87" s="104"/>
    </row>
    <row r="88" spans="1:42" ht="15.95" customHeight="1" x14ac:dyDescent="0.15">
      <c r="A88" s="148"/>
      <c r="B88" s="92"/>
      <c r="C88" s="92"/>
      <c r="D88" s="145"/>
      <c r="E88" s="537"/>
      <c r="F88" s="538"/>
      <c r="G88" s="538"/>
      <c r="H88" s="539"/>
      <c r="I88" s="449"/>
      <c r="J88" s="450"/>
      <c r="K88" s="450"/>
      <c r="L88" s="451"/>
      <c r="M88" s="102" t="s">
        <v>66</v>
      </c>
      <c r="N88" s="92" t="s">
        <v>424</v>
      </c>
      <c r="O88" s="92"/>
      <c r="P88" s="92"/>
      <c r="R88" s="151" t="s">
        <v>7</v>
      </c>
      <c r="S88" s="92" t="s">
        <v>425</v>
      </c>
      <c r="T88" s="92"/>
      <c r="U88" s="92"/>
      <c r="V88" s="92"/>
      <c r="W88" s="92"/>
      <c r="X88" s="92"/>
      <c r="Y88" s="92"/>
      <c r="Z88" s="92"/>
      <c r="AA88" s="92"/>
      <c r="AB88" s="92"/>
      <c r="AC88" s="92"/>
      <c r="AD88" s="92"/>
      <c r="AE88" s="92"/>
      <c r="AF88" s="92"/>
      <c r="AG88" s="145"/>
      <c r="AH88" s="92"/>
      <c r="AI88" s="92"/>
      <c r="AJ88" s="92"/>
      <c r="AK88" s="92"/>
      <c r="AL88" s="92"/>
      <c r="AM88" s="92"/>
      <c r="AN88" s="149"/>
      <c r="AP88" s="104"/>
    </row>
    <row r="89" spans="1:42" ht="15.95" customHeight="1" x14ac:dyDescent="0.15">
      <c r="A89" s="148"/>
      <c r="B89" s="92"/>
      <c r="C89" s="92"/>
      <c r="D89" s="145"/>
      <c r="E89" s="537"/>
      <c r="F89" s="538"/>
      <c r="G89" s="538"/>
      <c r="H89" s="539"/>
      <c r="I89" s="461"/>
      <c r="J89" s="462"/>
      <c r="K89" s="462"/>
      <c r="L89" s="463"/>
      <c r="M89" s="96" t="s">
        <v>66</v>
      </c>
      <c r="N89" s="105" t="s">
        <v>426</v>
      </c>
      <c r="O89" s="105"/>
      <c r="P89" s="105"/>
      <c r="Q89" s="116"/>
      <c r="R89" s="151" t="s">
        <v>7</v>
      </c>
      <c r="S89" s="105" t="s">
        <v>425</v>
      </c>
      <c r="T89" s="105"/>
      <c r="U89" s="105"/>
      <c r="V89" s="105"/>
      <c r="W89" s="105"/>
      <c r="X89" s="105"/>
      <c r="Y89" s="105"/>
      <c r="Z89" s="105"/>
      <c r="AA89" s="105"/>
      <c r="AB89" s="105"/>
      <c r="AC89" s="105"/>
      <c r="AD89" s="105"/>
      <c r="AE89" s="105"/>
      <c r="AF89" s="105"/>
      <c r="AG89" s="170"/>
      <c r="AH89" s="92"/>
      <c r="AI89" s="92"/>
      <c r="AJ89" s="92"/>
      <c r="AK89" s="92"/>
      <c r="AL89" s="92"/>
      <c r="AM89" s="92"/>
      <c r="AN89" s="149"/>
      <c r="AP89" s="104"/>
    </row>
    <row r="90" spans="1:42" ht="15.95" customHeight="1" x14ac:dyDescent="0.15">
      <c r="A90" s="148"/>
      <c r="B90" s="92"/>
      <c r="C90" s="92"/>
      <c r="D90" s="145"/>
      <c r="E90" s="537"/>
      <c r="F90" s="538"/>
      <c r="G90" s="538"/>
      <c r="H90" s="539"/>
      <c r="I90" s="449" t="s">
        <v>427</v>
      </c>
      <c r="J90" s="450"/>
      <c r="K90" s="450"/>
      <c r="L90" s="451"/>
      <c r="M90" s="151" t="s">
        <v>7</v>
      </c>
      <c r="N90" s="92" t="s">
        <v>407</v>
      </c>
      <c r="O90" s="92"/>
      <c r="P90" s="92"/>
      <c r="Q90" s="92" t="s">
        <v>25</v>
      </c>
      <c r="R90" s="453"/>
      <c r="S90" s="453"/>
      <c r="T90" s="453"/>
      <c r="U90" s="453"/>
      <c r="V90" s="453"/>
      <c r="W90" s="453"/>
      <c r="X90" s="453"/>
      <c r="Y90" s="453"/>
      <c r="Z90" s="92" t="s">
        <v>26</v>
      </c>
      <c r="AA90" s="92"/>
      <c r="AB90" s="92"/>
      <c r="AC90" s="92"/>
      <c r="AD90" s="92"/>
      <c r="AE90" s="92"/>
      <c r="AF90" s="92"/>
      <c r="AG90" s="145"/>
      <c r="AH90" s="92"/>
      <c r="AI90" s="92"/>
      <c r="AJ90" s="92"/>
      <c r="AK90" s="92"/>
      <c r="AL90" s="92"/>
      <c r="AM90" s="92"/>
      <c r="AN90" s="149"/>
      <c r="AP90" s="104"/>
    </row>
    <row r="91" spans="1:42" ht="15.95" customHeight="1" x14ac:dyDescent="0.15">
      <c r="A91" s="148"/>
      <c r="B91" s="92"/>
      <c r="C91" s="92"/>
      <c r="D91" s="145"/>
      <c r="E91" s="537"/>
      <c r="F91" s="538"/>
      <c r="G91" s="538"/>
      <c r="H91" s="539"/>
      <c r="I91" s="449"/>
      <c r="J91" s="450"/>
      <c r="K91" s="450"/>
      <c r="L91" s="451"/>
      <c r="M91" s="151" t="s">
        <v>7</v>
      </c>
      <c r="N91" s="92" t="s">
        <v>409</v>
      </c>
      <c r="O91" s="92"/>
      <c r="P91" s="92"/>
      <c r="Q91" s="92" t="s">
        <v>25</v>
      </c>
      <c r="R91" s="431"/>
      <c r="S91" s="431"/>
      <c r="T91" s="431"/>
      <c r="U91" s="431"/>
      <c r="V91" s="431"/>
      <c r="W91" s="431"/>
      <c r="X91" s="431"/>
      <c r="Y91" s="431"/>
      <c r="Z91" s="92" t="s">
        <v>26</v>
      </c>
      <c r="AA91" s="92"/>
      <c r="AB91" s="92"/>
      <c r="AC91" s="92"/>
      <c r="AD91" s="92"/>
      <c r="AE91" s="92"/>
      <c r="AF91" s="92"/>
      <c r="AG91" s="145"/>
      <c r="AH91" s="92"/>
      <c r="AI91" s="92"/>
      <c r="AJ91" s="92"/>
      <c r="AK91" s="92"/>
      <c r="AL91" s="92"/>
      <c r="AM91" s="92"/>
      <c r="AN91" s="149"/>
      <c r="AP91" s="104"/>
    </row>
    <row r="92" spans="1:42" ht="15.95" customHeight="1" x14ac:dyDescent="0.15">
      <c r="A92" s="148"/>
      <c r="B92" s="92"/>
      <c r="C92" s="92"/>
      <c r="D92" s="145"/>
      <c r="E92" s="537"/>
      <c r="F92" s="538"/>
      <c r="G92" s="538"/>
      <c r="H92" s="539"/>
      <c r="I92" s="461"/>
      <c r="J92" s="462"/>
      <c r="K92" s="462"/>
      <c r="L92" s="463"/>
      <c r="M92" s="167" t="s">
        <v>7</v>
      </c>
      <c r="N92" s="105" t="s">
        <v>428</v>
      </c>
      <c r="O92" s="105"/>
      <c r="P92" s="105"/>
      <c r="Q92" s="105" t="s">
        <v>25</v>
      </c>
      <c r="R92" s="456"/>
      <c r="S92" s="456"/>
      <c r="T92" s="456"/>
      <c r="U92" s="456"/>
      <c r="V92" s="456"/>
      <c r="W92" s="456"/>
      <c r="X92" s="456"/>
      <c r="Y92" s="456"/>
      <c r="Z92" s="105" t="s">
        <v>26</v>
      </c>
      <c r="AA92" s="105"/>
      <c r="AB92" s="105"/>
      <c r="AC92" s="105"/>
      <c r="AD92" s="105"/>
      <c r="AE92" s="105"/>
      <c r="AF92" s="105"/>
      <c r="AG92" s="170"/>
      <c r="AH92" s="148"/>
      <c r="AI92" s="92"/>
      <c r="AJ92" s="92"/>
      <c r="AK92" s="92"/>
      <c r="AL92" s="92"/>
      <c r="AM92" s="92"/>
      <c r="AN92" s="149"/>
      <c r="AP92" s="104"/>
    </row>
    <row r="93" spans="1:42" ht="15.95" customHeight="1" x14ac:dyDescent="0.15">
      <c r="A93" s="148"/>
      <c r="B93" s="92"/>
      <c r="C93" s="92"/>
      <c r="D93" s="145"/>
      <c r="E93" s="537"/>
      <c r="F93" s="538"/>
      <c r="G93" s="538"/>
      <c r="H93" s="539"/>
      <c r="I93" s="437" t="s">
        <v>429</v>
      </c>
      <c r="J93" s="438"/>
      <c r="K93" s="438"/>
      <c r="L93" s="439"/>
      <c r="M93" s="151" t="s">
        <v>7</v>
      </c>
      <c r="N93" s="92"/>
      <c r="O93" s="92" t="s">
        <v>25</v>
      </c>
      <c r="P93" s="453"/>
      <c r="Q93" s="453"/>
      <c r="R93" s="453"/>
      <c r="S93" s="453"/>
      <c r="T93" s="453"/>
      <c r="U93" s="453"/>
      <c r="V93" s="453"/>
      <c r="W93" s="453"/>
      <c r="X93" s="453"/>
      <c r="Y93" s="453"/>
      <c r="Z93" s="92" t="s">
        <v>26</v>
      </c>
      <c r="AA93" s="92"/>
      <c r="AB93" s="92"/>
      <c r="AC93" s="92"/>
      <c r="AD93" s="92"/>
      <c r="AE93" s="92"/>
      <c r="AF93" s="92"/>
      <c r="AG93" s="142"/>
      <c r="AH93" s="92"/>
      <c r="AI93" s="92"/>
      <c r="AJ93" s="92"/>
      <c r="AK93" s="92"/>
      <c r="AL93" s="92"/>
      <c r="AM93" s="92"/>
      <c r="AN93" s="149"/>
      <c r="AP93" s="104"/>
    </row>
    <row r="94" spans="1:42" ht="15.95" customHeight="1" x14ac:dyDescent="0.15">
      <c r="A94" s="148"/>
      <c r="B94" s="92"/>
      <c r="C94" s="92"/>
      <c r="D94" s="145"/>
      <c r="E94" s="537"/>
      <c r="F94" s="538"/>
      <c r="G94" s="538"/>
      <c r="H94" s="539"/>
      <c r="I94" s="461"/>
      <c r="J94" s="462"/>
      <c r="K94" s="462"/>
      <c r="L94" s="463"/>
      <c r="M94" s="105"/>
      <c r="N94" s="105"/>
      <c r="O94" s="105"/>
      <c r="P94" s="105"/>
      <c r="Q94" s="105"/>
      <c r="R94" s="105"/>
      <c r="S94" s="105"/>
      <c r="T94" s="105"/>
      <c r="U94" s="105"/>
      <c r="V94" s="105"/>
      <c r="W94" s="105"/>
      <c r="X94" s="105"/>
      <c r="Y94" s="105"/>
      <c r="Z94" s="105"/>
      <c r="AA94" s="105"/>
      <c r="AB94" s="105"/>
      <c r="AC94" s="105"/>
      <c r="AD94" s="105"/>
      <c r="AE94" s="105"/>
      <c r="AF94" s="105"/>
      <c r="AG94" s="170"/>
      <c r="AH94" s="92"/>
      <c r="AI94" s="92"/>
      <c r="AJ94" s="92"/>
      <c r="AK94" s="92"/>
      <c r="AL94" s="92"/>
      <c r="AM94" s="92"/>
      <c r="AN94" s="149"/>
      <c r="AP94" s="104"/>
    </row>
    <row r="95" spans="1:42" ht="15.95" customHeight="1" x14ac:dyDescent="0.15">
      <c r="A95" s="148"/>
      <c r="B95" s="92"/>
      <c r="C95" s="92"/>
      <c r="D95" s="145"/>
      <c r="E95" s="537"/>
      <c r="F95" s="538"/>
      <c r="G95" s="538"/>
      <c r="H95" s="539"/>
      <c r="I95" s="612" t="s">
        <v>430</v>
      </c>
      <c r="J95" s="613"/>
      <c r="K95" s="613"/>
      <c r="L95" s="614"/>
      <c r="M95" s="151" t="s">
        <v>7</v>
      </c>
      <c r="N95" s="92"/>
      <c r="O95" s="92" t="s">
        <v>25</v>
      </c>
      <c r="P95" s="453"/>
      <c r="Q95" s="453"/>
      <c r="R95" s="453"/>
      <c r="S95" s="453"/>
      <c r="T95" s="453"/>
      <c r="U95" s="453"/>
      <c r="V95" s="453"/>
      <c r="W95" s="453"/>
      <c r="X95" s="453"/>
      <c r="Y95" s="453"/>
      <c r="Z95" s="92" t="s">
        <v>26</v>
      </c>
      <c r="AA95" s="92"/>
      <c r="AB95" s="92"/>
      <c r="AC95" s="92"/>
      <c r="AD95" s="92"/>
      <c r="AE95" s="92"/>
      <c r="AF95" s="92"/>
      <c r="AG95" s="142"/>
      <c r="AH95" s="148"/>
      <c r="AI95" s="92"/>
      <c r="AJ95" s="92"/>
      <c r="AK95" s="92"/>
      <c r="AL95" s="92"/>
      <c r="AM95" s="92"/>
      <c r="AN95" s="149"/>
      <c r="AP95" s="104"/>
    </row>
    <row r="96" spans="1:42" ht="15.95" customHeight="1" x14ac:dyDescent="0.15">
      <c r="A96" s="148"/>
      <c r="B96" s="92"/>
      <c r="C96" s="92"/>
      <c r="D96" s="145"/>
      <c r="E96" s="603"/>
      <c r="F96" s="604"/>
      <c r="G96" s="604"/>
      <c r="H96" s="605"/>
      <c r="I96" s="615"/>
      <c r="J96" s="616"/>
      <c r="K96" s="616"/>
      <c r="L96" s="617"/>
      <c r="M96" s="105"/>
      <c r="N96" s="105"/>
      <c r="O96" s="105"/>
      <c r="P96" s="105"/>
      <c r="Q96" s="105"/>
      <c r="R96" s="105"/>
      <c r="S96" s="105"/>
      <c r="T96" s="105"/>
      <c r="U96" s="105"/>
      <c r="V96" s="105"/>
      <c r="W96" s="105"/>
      <c r="X96" s="105"/>
      <c r="Y96" s="105"/>
      <c r="Z96" s="105"/>
      <c r="AA96" s="105"/>
      <c r="AB96" s="105"/>
      <c r="AC96" s="105"/>
      <c r="AD96" s="105"/>
      <c r="AE96" s="105"/>
      <c r="AF96" s="105"/>
      <c r="AG96" s="170"/>
      <c r="AH96" s="105"/>
      <c r="AI96" s="105"/>
      <c r="AJ96" s="105"/>
      <c r="AK96" s="105"/>
      <c r="AL96" s="105"/>
      <c r="AM96" s="105"/>
      <c r="AN96" s="219"/>
      <c r="AO96" s="116"/>
      <c r="AP96" s="106"/>
    </row>
    <row r="97" spans="1:42" ht="15.95" customHeight="1" x14ac:dyDescent="0.15">
      <c r="A97" s="148"/>
      <c r="B97" s="92"/>
      <c r="C97" s="92"/>
      <c r="D97" s="92"/>
      <c r="E97" s="437" t="s">
        <v>175</v>
      </c>
      <c r="F97" s="438"/>
      <c r="G97" s="438"/>
      <c r="H97" s="439"/>
      <c r="I97" s="437" t="s">
        <v>176</v>
      </c>
      <c r="J97" s="438"/>
      <c r="K97" s="438"/>
      <c r="L97" s="439"/>
      <c r="M97" s="138" t="s">
        <v>7</v>
      </c>
      <c r="N97" s="98" t="s">
        <v>660</v>
      </c>
      <c r="O97" s="208"/>
      <c r="P97" s="98"/>
      <c r="Q97" s="206"/>
      <c r="R97" s="98"/>
      <c r="S97" s="98"/>
      <c r="T97" s="208"/>
      <c r="U97" s="206"/>
      <c r="V97" s="208"/>
      <c r="W97" s="206"/>
      <c r="X97" s="140"/>
      <c r="Y97" s="206"/>
      <c r="Z97" s="206"/>
      <c r="AA97" s="140"/>
      <c r="AB97" s="206"/>
      <c r="AC97" s="206"/>
      <c r="AD97" s="206"/>
      <c r="AE97" s="206"/>
      <c r="AF97" s="206"/>
      <c r="AG97" s="142"/>
      <c r="AH97" s="141"/>
      <c r="AI97" s="98"/>
      <c r="AJ97" s="98"/>
      <c r="AK97" s="98"/>
      <c r="AL97" s="98"/>
      <c r="AM97" s="142"/>
      <c r="AN97" s="141"/>
      <c r="AO97" s="98"/>
      <c r="AP97" s="142"/>
    </row>
    <row r="98" spans="1:42" ht="15.95" customHeight="1" x14ac:dyDescent="0.15">
      <c r="A98" s="148"/>
      <c r="B98" s="92"/>
      <c r="C98" s="92"/>
      <c r="D98" s="92"/>
      <c r="E98" s="162"/>
      <c r="F98" s="153"/>
      <c r="G98" s="153"/>
      <c r="H98" s="154"/>
      <c r="I98" s="449" t="s">
        <v>178</v>
      </c>
      <c r="J98" s="450"/>
      <c r="K98" s="450"/>
      <c r="L98" s="451"/>
      <c r="M98" s="146" t="s">
        <v>7</v>
      </c>
      <c r="N98" s="92" t="s">
        <v>843</v>
      </c>
      <c r="O98" s="103"/>
      <c r="P98" s="92"/>
      <c r="Q98" s="102"/>
      <c r="R98" s="92"/>
      <c r="S98" s="92"/>
      <c r="T98" s="103"/>
      <c r="U98" s="102"/>
      <c r="V98" s="103"/>
      <c r="W98" s="102"/>
      <c r="X98" s="151"/>
      <c r="Y98" s="102"/>
      <c r="Z98" s="102"/>
      <c r="AA98" s="151"/>
      <c r="AB98" s="102"/>
      <c r="AC98" s="102"/>
      <c r="AD98" s="102"/>
      <c r="AE98" s="102"/>
      <c r="AF98" s="102"/>
      <c r="AG98" s="145"/>
      <c r="AH98" s="148"/>
      <c r="AI98" s="92"/>
      <c r="AJ98" s="92"/>
      <c r="AK98" s="92"/>
      <c r="AL98" s="92"/>
      <c r="AM98" s="145"/>
      <c r="AN98" s="148"/>
      <c r="AO98" s="92"/>
      <c r="AP98" s="145"/>
    </row>
    <row r="99" spans="1:42" ht="15.95" customHeight="1" x14ac:dyDescent="0.15">
      <c r="A99" s="169"/>
      <c r="B99" s="105"/>
      <c r="C99" s="105"/>
      <c r="D99" s="105"/>
      <c r="E99" s="169"/>
      <c r="F99" s="105"/>
      <c r="G99" s="105"/>
      <c r="H99" s="170"/>
      <c r="I99" s="461"/>
      <c r="J99" s="462"/>
      <c r="K99" s="462"/>
      <c r="L99" s="463"/>
      <c r="M99" s="167"/>
      <c r="N99" s="105" t="s">
        <v>842</v>
      </c>
      <c r="O99" s="97"/>
      <c r="P99" s="105"/>
      <c r="Q99" s="96"/>
      <c r="R99" s="105"/>
      <c r="S99" s="105"/>
      <c r="T99" s="97"/>
      <c r="U99" s="96"/>
      <c r="V99" s="97"/>
      <c r="W99" s="96"/>
      <c r="X99" s="126"/>
      <c r="Y99" s="96"/>
      <c r="Z99" s="96"/>
      <c r="AA99" s="126"/>
      <c r="AB99" s="96"/>
      <c r="AC99" s="96"/>
      <c r="AD99" s="96"/>
      <c r="AE99" s="96"/>
      <c r="AF99" s="96"/>
      <c r="AG99" s="170"/>
      <c r="AH99" s="169"/>
      <c r="AI99" s="105"/>
      <c r="AJ99" s="105"/>
      <c r="AK99" s="105"/>
      <c r="AL99" s="105"/>
      <c r="AM99" s="170"/>
      <c r="AN99" s="169"/>
      <c r="AO99" s="105"/>
      <c r="AP99" s="170"/>
    </row>
    <row r="100" spans="1:42" ht="15.95" customHeight="1" x14ac:dyDescent="0.15">
      <c r="A100" s="449" t="s">
        <v>433</v>
      </c>
      <c r="B100" s="450"/>
      <c r="C100" s="450"/>
      <c r="D100" s="450"/>
      <c r="E100" s="449" t="s">
        <v>434</v>
      </c>
      <c r="F100" s="450"/>
      <c r="G100" s="450"/>
      <c r="H100" s="451"/>
      <c r="I100" s="449" t="s">
        <v>435</v>
      </c>
      <c r="J100" s="450"/>
      <c r="K100" s="450"/>
      <c r="L100" s="451"/>
      <c r="M100" s="155" t="s">
        <v>66</v>
      </c>
      <c r="N100" s="92" t="s">
        <v>436</v>
      </c>
      <c r="O100" s="103"/>
      <c r="P100" s="92"/>
      <c r="Q100" s="102"/>
      <c r="R100" s="103"/>
      <c r="S100" s="102" t="s">
        <v>25</v>
      </c>
      <c r="T100" s="577"/>
      <c r="U100" s="577"/>
      <c r="V100" s="577"/>
      <c r="W100" s="577"/>
      <c r="X100" s="194" t="s">
        <v>400</v>
      </c>
      <c r="Y100" s="194" t="s">
        <v>26</v>
      </c>
      <c r="Z100" s="156"/>
      <c r="AA100" s="156"/>
      <c r="AB100" s="156"/>
      <c r="AC100" s="156"/>
      <c r="AD100" s="156"/>
      <c r="AE100" s="156"/>
      <c r="AF100" s="156"/>
      <c r="AG100" s="152"/>
      <c r="AH100" s="146" t="s">
        <v>7</v>
      </c>
      <c r="AI100" s="92" t="s">
        <v>437</v>
      </c>
      <c r="AJ100" s="92"/>
      <c r="AK100" s="92"/>
      <c r="AL100" s="102"/>
      <c r="AM100" s="92"/>
      <c r="AN100" s="149"/>
      <c r="AP100" s="104"/>
    </row>
    <row r="101" spans="1:42" ht="15.95" customHeight="1" x14ac:dyDescent="0.15">
      <c r="A101" s="162"/>
      <c r="B101" s="153"/>
      <c r="C101" s="153"/>
      <c r="D101" s="153"/>
      <c r="E101" s="148"/>
      <c r="F101" s="92"/>
      <c r="G101" s="92"/>
      <c r="H101" s="145"/>
      <c r="I101" s="148"/>
      <c r="J101" s="92"/>
      <c r="K101" s="92"/>
      <c r="L101" s="145"/>
      <c r="M101" s="155" t="s">
        <v>66</v>
      </c>
      <c r="N101" s="92" t="s">
        <v>438</v>
      </c>
      <c r="O101" s="103"/>
      <c r="P101" s="92"/>
      <c r="Q101" s="102"/>
      <c r="R101" s="103"/>
      <c r="X101" s="156"/>
      <c r="Y101" s="156"/>
      <c r="Z101" s="156"/>
      <c r="AA101" s="156"/>
      <c r="AB101" s="156"/>
      <c r="AC101" s="156"/>
      <c r="AD101" s="156"/>
      <c r="AE101" s="156"/>
      <c r="AF101" s="156"/>
      <c r="AG101" s="152"/>
      <c r="AH101" s="146" t="s">
        <v>7</v>
      </c>
      <c r="AI101" s="182"/>
      <c r="AJ101" s="92"/>
      <c r="AK101" s="92"/>
      <c r="AL101" s="92"/>
      <c r="AM101" s="92"/>
      <c r="AN101" s="318"/>
      <c r="AP101" s="104"/>
    </row>
    <row r="102" spans="1:42" ht="15.95" customHeight="1" x14ac:dyDescent="0.15">
      <c r="A102" s="162"/>
      <c r="B102" s="153"/>
      <c r="C102" s="153"/>
      <c r="D102" s="153"/>
      <c r="E102" s="148"/>
      <c r="F102" s="92"/>
      <c r="G102" s="92"/>
      <c r="H102" s="145"/>
      <c r="I102" s="148"/>
      <c r="J102" s="92"/>
      <c r="K102" s="92"/>
      <c r="L102" s="145"/>
      <c r="M102" s="218"/>
      <c r="N102" s="102" t="s">
        <v>25</v>
      </c>
      <c r="O102" s="480"/>
      <c r="P102" s="480"/>
      <c r="Q102" s="102" t="s">
        <v>439</v>
      </c>
      <c r="R102" s="102" t="s">
        <v>26</v>
      </c>
      <c r="S102" s="102" t="s">
        <v>25</v>
      </c>
      <c r="T102" s="577"/>
      <c r="U102" s="577"/>
      <c r="V102" s="577"/>
      <c r="W102" s="577"/>
      <c r="X102" s="194" t="s">
        <v>400</v>
      </c>
      <c r="Y102" s="194" t="s">
        <v>26</v>
      </c>
      <c r="Z102" s="156"/>
      <c r="AA102" s="156"/>
      <c r="AB102" s="156"/>
      <c r="AC102" s="156"/>
      <c r="AD102" s="156"/>
      <c r="AE102" s="156"/>
      <c r="AF102" s="156"/>
      <c r="AG102" s="152"/>
      <c r="AH102" s="155"/>
      <c r="AI102" s="182"/>
      <c r="AJ102" s="182"/>
      <c r="AK102" s="182"/>
      <c r="AL102" s="182"/>
      <c r="AM102" s="92"/>
      <c r="AN102" s="149"/>
      <c r="AP102" s="104"/>
    </row>
    <row r="103" spans="1:42" ht="15.95" customHeight="1" x14ac:dyDescent="0.15">
      <c r="A103" s="164"/>
      <c r="B103" s="165"/>
      <c r="C103" s="165"/>
      <c r="D103" s="165"/>
      <c r="E103" s="169"/>
      <c r="F103" s="105"/>
      <c r="G103" s="105"/>
      <c r="H103" s="170"/>
      <c r="I103" s="169"/>
      <c r="J103" s="105"/>
      <c r="K103" s="105"/>
      <c r="L103" s="170"/>
      <c r="M103" s="281"/>
      <c r="N103" s="105" t="s">
        <v>440</v>
      </c>
      <c r="O103" s="97"/>
      <c r="P103" s="105"/>
      <c r="Q103" s="96"/>
      <c r="R103" s="97"/>
      <c r="S103" s="96" t="s">
        <v>25</v>
      </c>
      <c r="T103" s="579"/>
      <c r="U103" s="579"/>
      <c r="V103" s="579"/>
      <c r="W103" s="579"/>
      <c r="X103" s="190" t="s">
        <v>400</v>
      </c>
      <c r="Y103" s="190" t="s">
        <v>26</v>
      </c>
      <c r="Z103" s="238"/>
      <c r="AA103" s="238"/>
      <c r="AB103" s="238"/>
      <c r="AC103" s="238"/>
      <c r="AD103" s="238"/>
      <c r="AE103" s="238"/>
      <c r="AF103" s="238"/>
      <c r="AG103" s="259"/>
      <c r="AH103" s="212"/>
      <c r="AI103" s="105"/>
      <c r="AJ103" s="105"/>
      <c r="AK103" s="105"/>
      <c r="AL103" s="105"/>
      <c r="AM103" s="105"/>
      <c r="AN103" s="219"/>
      <c r="AO103" s="116"/>
      <c r="AP103" s="106"/>
    </row>
    <row r="104" spans="1:42" ht="15.95" customHeight="1" x14ac:dyDescent="0.15">
      <c r="A104" s="449" t="s">
        <v>441</v>
      </c>
      <c r="B104" s="450"/>
      <c r="C104" s="450"/>
      <c r="D104" s="450"/>
      <c r="E104" s="449"/>
      <c r="F104" s="450"/>
      <c r="G104" s="450"/>
      <c r="H104" s="451"/>
      <c r="I104" s="449" t="s">
        <v>442</v>
      </c>
      <c r="J104" s="450"/>
      <c r="K104" s="450"/>
      <c r="L104" s="451"/>
      <c r="M104" s="155" t="s">
        <v>66</v>
      </c>
      <c r="N104" s="92" t="s">
        <v>443</v>
      </c>
      <c r="O104" s="103"/>
      <c r="P104" s="92"/>
      <c r="Q104" s="102"/>
      <c r="R104" s="103"/>
      <c r="S104" s="102" t="s">
        <v>25</v>
      </c>
      <c r="T104" s="577"/>
      <c r="U104" s="577"/>
      <c r="V104" s="194"/>
      <c r="W104" s="156" t="s">
        <v>444</v>
      </c>
      <c r="Z104" s="156"/>
      <c r="AA104" s="156"/>
      <c r="AB104" s="156"/>
      <c r="AC104" s="156"/>
      <c r="AD104" s="156"/>
      <c r="AE104" s="156"/>
      <c r="AF104" s="156"/>
      <c r="AG104" s="152"/>
      <c r="AH104" s="146" t="s">
        <v>7</v>
      </c>
      <c r="AI104" s="92" t="s">
        <v>445</v>
      </c>
      <c r="AJ104" s="92"/>
      <c r="AK104" s="92"/>
      <c r="AL104" s="92"/>
      <c r="AM104" s="92"/>
      <c r="AN104" s="149"/>
      <c r="AP104" s="104"/>
    </row>
    <row r="105" spans="1:42" ht="15.95" customHeight="1" x14ac:dyDescent="0.15">
      <c r="A105" s="449" t="s">
        <v>446</v>
      </c>
      <c r="B105" s="450"/>
      <c r="C105" s="450"/>
      <c r="D105" s="450"/>
      <c r="E105" s="148"/>
      <c r="F105" s="92"/>
      <c r="G105" s="92"/>
      <c r="H105" s="145"/>
      <c r="I105" s="449" t="s">
        <v>447</v>
      </c>
      <c r="J105" s="450"/>
      <c r="K105" s="450"/>
      <c r="L105" s="451"/>
      <c r="M105" s="218"/>
      <c r="N105" s="151" t="s">
        <v>7</v>
      </c>
      <c r="O105" s="103" t="s">
        <v>448</v>
      </c>
      <c r="P105" s="92"/>
      <c r="Q105" s="102"/>
      <c r="R105" s="103"/>
      <c r="S105" s="103"/>
      <c r="T105" s="102"/>
      <c r="U105" s="103"/>
      <c r="V105" s="103"/>
      <c r="W105" s="102"/>
      <c r="X105" s="156"/>
      <c r="Y105" s="156"/>
      <c r="Z105" s="156"/>
      <c r="AA105" s="156"/>
      <c r="AB105" s="156"/>
      <c r="AC105" s="156"/>
      <c r="AD105" s="156"/>
      <c r="AE105" s="156"/>
      <c r="AF105" s="156"/>
      <c r="AG105" s="152"/>
      <c r="AH105" s="146" t="s">
        <v>7</v>
      </c>
      <c r="AI105" s="580" t="s">
        <v>831</v>
      </c>
      <c r="AJ105" s="580"/>
      <c r="AK105" s="580"/>
      <c r="AL105" s="580"/>
      <c r="AM105" s="581"/>
      <c r="AN105" s="149"/>
      <c r="AP105" s="104"/>
    </row>
    <row r="106" spans="1:42" ht="15.95" customHeight="1" x14ac:dyDescent="0.15">
      <c r="A106" s="164"/>
      <c r="B106" s="165"/>
      <c r="C106" s="165"/>
      <c r="D106" s="165"/>
      <c r="E106" s="169"/>
      <c r="F106" s="105"/>
      <c r="G106" s="105"/>
      <c r="H106" s="170"/>
      <c r="I106" s="169"/>
      <c r="J106" s="105"/>
      <c r="K106" s="105"/>
      <c r="L106" s="170"/>
      <c r="M106" s="281"/>
      <c r="N106" s="105"/>
      <c r="O106" s="97"/>
      <c r="P106" s="105"/>
      <c r="Q106" s="96"/>
      <c r="R106" s="97"/>
      <c r="S106" s="97"/>
      <c r="T106" s="96"/>
      <c r="U106" s="97"/>
      <c r="V106" s="97"/>
      <c r="W106" s="96"/>
      <c r="X106" s="238"/>
      <c r="Y106" s="238"/>
      <c r="Z106" s="238"/>
      <c r="AA106" s="238"/>
      <c r="AB106" s="238"/>
      <c r="AC106" s="238"/>
      <c r="AD106" s="238"/>
      <c r="AE106" s="238"/>
      <c r="AF106" s="238"/>
      <c r="AG106" s="259"/>
      <c r="AH106" s="167"/>
      <c r="AI106" s="238"/>
      <c r="AJ106" s="200"/>
      <c r="AK106" s="200"/>
      <c r="AL106" s="200"/>
      <c r="AM106" s="105"/>
      <c r="AN106" s="219"/>
      <c r="AO106" s="116"/>
      <c r="AP106" s="106"/>
    </row>
    <row r="107" spans="1:42" ht="15.95" customHeight="1" x14ac:dyDescent="0.15">
      <c r="A107" s="449" t="s">
        <v>450</v>
      </c>
      <c r="B107" s="450"/>
      <c r="C107" s="450"/>
      <c r="D107" s="450"/>
      <c r="E107" s="449"/>
      <c r="F107" s="450"/>
      <c r="G107" s="450"/>
      <c r="H107" s="451"/>
      <c r="I107" s="449" t="s">
        <v>451</v>
      </c>
      <c r="J107" s="450"/>
      <c r="K107" s="450"/>
      <c r="L107" s="451"/>
      <c r="M107" s="151" t="s">
        <v>7</v>
      </c>
      <c r="N107" s="103" t="s">
        <v>453</v>
      </c>
      <c r="O107" s="92"/>
      <c r="P107" s="102"/>
      <c r="Q107" s="103"/>
      <c r="R107" s="103"/>
      <c r="S107" s="102"/>
      <c r="T107" s="103"/>
      <c r="U107" s="103"/>
      <c r="V107" s="103"/>
      <c r="W107" s="102"/>
      <c r="X107" s="156"/>
      <c r="Y107" s="156"/>
      <c r="Z107" s="156"/>
      <c r="AA107" s="156"/>
      <c r="AB107" s="156"/>
      <c r="AC107" s="156"/>
      <c r="AD107" s="156"/>
      <c r="AE107" s="156"/>
      <c r="AF107" s="156"/>
      <c r="AG107" s="152"/>
      <c r="AH107" s="146" t="s">
        <v>7</v>
      </c>
      <c r="AI107" s="92" t="s">
        <v>445</v>
      </c>
      <c r="AJ107" s="92"/>
      <c r="AK107" s="92"/>
      <c r="AL107" s="92"/>
      <c r="AM107" s="92"/>
      <c r="AN107" s="149"/>
      <c r="AP107" s="104"/>
    </row>
    <row r="108" spans="1:42" ht="15.95" customHeight="1" x14ac:dyDescent="0.15">
      <c r="A108" s="219"/>
      <c r="B108" s="116"/>
      <c r="C108" s="116"/>
      <c r="D108" s="116"/>
      <c r="E108" s="169"/>
      <c r="F108" s="105"/>
      <c r="G108" s="105"/>
      <c r="H108" s="170"/>
      <c r="I108" s="169"/>
      <c r="J108" s="105"/>
      <c r="K108" s="105"/>
      <c r="L108" s="170"/>
      <c r="M108" s="126"/>
      <c r="N108" s="97"/>
      <c r="O108" s="105"/>
      <c r="P108" s="96"/>
      <c r="Q108" s="97"/>
      <c r="R108" s="97"/>
      <c r="S108" s="96"/>
      <c r="T108" s="97"/>
      <c r="U108" s="97"/>
      <c r="V108" s="97"/>
      <c r="W108" s="96"/>
      <c r="X108" s="238"/>
      <c r="Y108" s="238"/>
      <c r="Z108" s="238"/>
      <c r="AA108" s="238"/>
      <c r="AB108" s="238"/>
      <c r="AC108" s="238"/>
      <c r="AD108" s="238"/>
      <c r="AE108" s="238"/>
      <c r="AF108" s="238"/>
      <c r="AG108" s="259"/>
      <c r="AH108" s="212"/>
      <c r="AI108" s="200"/>
      <c r="AJ108" s="200"/>
      <c r="AK108" s="200"/>
      <c r="AL108" s="200"/>
      <c r="AM108" s="105"/>
      <c r="AN108" s="219"/>
      <c r="AO108" s="116"/>
      <c r="AP108" s="106"/>
    </row>
    <row r="109" spans="1:42" ht="15.95" customHeight="1" x14ac:dyDescent="0.15">
      <c r="A109" s="449" t="s">
        <v>454</v>
      </c>
      <c r="B109" s="450"/>
      <c r="C109" s="450"/>
      <c r="D109" s="451"/>
      <c r="E109" s="450" t="s">
        <v>455</v>
      </c>
      <c r="F109" s="450"/>
      <c r="G109" s="450"/>
      <c r="H109" s="450"/>
      <c r="I109" s="449" t="s">
        <v>456</v>
      </c>
      <c r="J109" s="450"/>
      <c r="K109" s="450"/>
      <c r="L109" s="451"/>
      <c r="M109" s="282" t="s">
        <v>457</v>
      </c>
      <c r="AH109" s="146" t="s">
        <v>7</v>
      </c>
      <c r="AI109" s="92" t="s">
        <v>458</v>
      </c>
      <c r="AN109" s="149"/>
      <c r="AP109" s="104"/>
    </row>
    <row r="110" spans="1:42" ht="15.95" customHeight="1" x14ac:dyDescent="0.15">
      <c r="A110" s="449" t="s">
        <v>459</v>
      </c>
      <c r="B110" s="450"/>
      <c r="C110" s="450"/>
      <c r="D110" s="451"/>
      <c r="E110" s="450" t="s">
        <v>459</v>
      </c>
      <c r="F110" s="450"/>
      <c r="G110" s="450"/>
      <c r="H110" s="450"/>
      <c r="I110" s="449" t="s">
        <v>460</v>
      </c>
      <c r="J110" s="450"/>
      <c r="K110" s="450"/>
      <c r="L110" s="451"/>
      <c r="M110" s="282" t="s">
        <v>461</v>
      </c>
      <c r="AH110" s="149"/>
      <c r="AN110" s="149"/>
      <c r="AP110" s="104"/>
    </row>
    <row r="111" spans="1:42" ht="15.95" customHeight="1" x14ac:dyDescent="0.15">
      <c r="A111" s="162"/>
      <c r="B111" s="153"/>
      <c r="C111" s="153"/>
      <c r="D111" s="154"/>
      <c r="E111" s="153"/>
      <c r="F111" s="153"/>
      <c r="G111" s="153"/>
      <c r="H111" s="153"/>
      <c r="I111" s="162"/>
      <c r="J111" s="153"/>
      <c r="K111" s="153"/>
      <c r="L111" s="154"/>
      <c r="M111" s="121"/>
      <c r="N111" s="151" t="s">
        <v>7</v>
      </c>
      <c r="O111" s="92" t="s">
        <v>462</v>
      </c>
      <c r="AG111" s="104"/>
      <c r="AH111" s="149"/>
      <c r="AN111" s="149"/>
      <c r="AP111" s="104"/>
    </row>
    <row r="112" spans="1:42" ht="15.95" customHeight="1" x14ac:dyDescent="0.15">
      <c r="A112" s="162"/>
      <c r="B112" s="153"/>
      <c r="C112" s="153"/>
      <c r="D112" s="153"/>
      <c r="E112" s="162"/>
      <c r="F112" s="153"/>
      <c r="G112" s="153"/>
      <c r="H112" s="153"/>
      <c r="I112" s="162"/>
      <c r="J112" s="153"/>
      <c r="K112" s="153"/>
      <c r="L112" s="154"/>
      <c r="M112" s="121"/>
      <c r="N112" s="151" t="s">
        <v>7</v>
      </c>
      <c r="O112" s="92" t="s">
        <v>463</v>
      </c>
      <c r="Q112" s="92" t="s">
        <v>464</v>
      </c>
      <c r="AG112" s="104"/>
      <c r="AH112" s="149"/>
      <c r="AN112" s="149"/>
      <c r="AP112" s="104"/>
    </row>
    <row r="113" spans="1:42" ht="15.95" customHeight="1" x14ac:dyDescent="0.15">
      <c r="A113" s="162"/>
      <c r="B113" s="153"/>
      <c r="C113" s="153"/>
      <c r="D113" s="153"/>
      <c r="E113" s="162"/>
      <c r="F113" s="153"/>
      <c r="G113" s="153"/>
      <c r="H113" s="153"/>
      <c r="I113" s="162"/>
      <c r="J113" s="153"/>
      <c r="K113" s="153"/>
      <c r="L113" s="153"/>
      <c r="M113" s="121"/>
      <c r="N113" s="151"/>
      <c r="O113" s="151" t="s">
        <v>7</v>
      </c>
      <c r="P113" s="92" t="s">
        <v>465</v>
      </c>
      <c r="Q113" s="92"/>
      <c r="AH113" s="149"/>
      <c r="AN113" s="149"/>
      <c r="AP113" s="104"/>
    </row>
    <row r="114" spans="1:42" ht="15.95" customHeight="1" x14ac:dyDescent="0.15">
      <c r="A114" s="162"/>
      <c r="B114" s="153"/>
      <c r="C114" s="153"/>
      <c r="D114" s="153"/>
      <c r="E114" s="162"/>
      <c r="F114" s="153"/>
      <c r="G114" s="153"/>
      <c r="H114" s="153"/>
      <c r="I114" s="162"/>
      <c r="J114" s="153"/>
      <c r="K114" s="153"/>
      <c r="L114" s="153"/>
      <c r="M114" s="283" t="s">
        <v>466</v>
      </c>
      <c r="AH114" s="149"/>
      <c r="AN114" s="149"/>
      <c r="AP114" s="104"/>
    </row>
    <row r="115" spans="1:42" ht="15.95" customHeight="1" x14ac:dyDescent="0.15">
      <c r="A115" s="149"/>
      <c r="E115" s="149"/>
      <c r="I115" s="149"/>
      <c r="M115" s="283" t="s">
        <v>467</v>
      </c>
      <c r="AH115" s="149"/>
      <c r="AN115" s="149"/>
      <c r="AP115" s="104"/>
    </row>
    <row r="116" spans="1:42" ht="15.95" customHeight="1" x14ac:dyDescent="0.15">
      <c r="A116" s="219"/>
      <c r="B116" s="116"/>
      <c r="C116" s="116"/>
      <c r="D116" s="116"/>
      <c r="E116" s="219"/>
      <c r="F116" s="116"/>
      <c r="G116" s="116"/>
      <c r="H116" s="116"/>
      <c r="I116" s="219"/>
      <c r="J116" s="116"/>
      <c r="K116" s="116"/>
      <c r="L116" s="116"/>
      <c r="M116" s="219"/>
      <c r="N116" s="126" t="s">
        <v>7</v>
      </c>
      <c r="O116" s="105" t="s">
        <v>462</v>
      </c>
      <c r="P116" s="116"/>
      <c r="Q116" s="116"/>
      <c r="R116" s="116"/>
      <c r="S116" s="116"/>
      <c r="T116" s="116"/>
      <c r="U116" s="116"/>
      <c r="V116" s="116"/>
      <c r="W116" s="116"/>
      <c r="X116" s="116"/>
      <c r="Y116" s="116"/>
      <c r="Z116" s="116"/>
      <c r="AA116" s="116"/>
      <c r="AB116" s="116"/>
      <c r="AC116" s="116"/>
      <c r="AD116" s="116"/>
      <c r="AE116" s="116"/>
      <c r="AF116" s="116"/>
      <c r="AG116" s="116"/>
      <c r="AH116" s="149"/>
      <c r="AN116" s="149"/>
      <c r="AP116" s="104"/>
    </row>
    <row r="117" spans="1:42" ht="15.95" customHeight="1" x14ac:dyDescent="0.15">
      <c r="A117" s="437" t="s">
        <v>762</v>
      </c>
      <c r="B117" s="438"/>
      <c r="C117" s="438"/>
      <c r="D117" s="438"/>
      <c r="E117" s="437"/>
      <c r="F117" s="438"/>
      <c r="G117" s="438"/>
      <c r="H117" s="439"/>
      <c r="I117" s="438" t="s">
        <v>763</v>
      </c>
      <c r="J117" s="438"/>
      <c r="K117" s="438"/>
      <c r="L117" s="438"/>
      <c r="M117" s="348" t="s">
        <v>764</v>
      </c>
      <c r="N117" s="114"/>
      <c r="O117" s="114"/>
      <c r="P117" s="114"/>
      <c r="Q117" s="114"/>
      <c r="R117" s="114"/>
      <c r="S117" s="114"/>
      <c r="T117" s="114"/>
      <c r="U117" s="114"/>
      <c r="V117" s="114"/>
      <c r="W117" s="114"/>
      <c r="X117" s="114"/>
      <c r="Y117" s="114"/>
      <c r="Z117" s="114"/>
      <c r="AA117" s="114"/>
      <c r="AB117" s="114"/>
      <c r="AC117" s="114"/>
      <c r="AD117" s="114"/>
      <c r="AE117" s="114"/>
      <c r="AF117" s="114"/>
      <c r="AG117" s="99"/>
      <c r="AH117" s="138" t="s">
        <v>7</v>
      </c>
      <c r="AI117" s="98" t="s">
        <v>458</v>
      </c>
      <c r="AJ117" s="114"/>
      <c r="AK117" s="114"/>
      <c r="AL117" s="114"/>
      <c r="AM117" s="114"/>
      <c r="AN117" s="114"/>
      <c r="AO117" s="114"/>
      <c r="AP117" s="99"/>
    </row>
    <row r="118" spans="1:42" ht="15.95" customHeight="1" x14ac:dyDescent="0.15">
      <c r="A118" s="449" t="s">
        <v>459</v>
      </c>
      <c r="B118" s="450"/>
      <c r="C118" s="450"/>
      <c r="D118" s="450"/>
      <c r="E118" s="449"/>
      <c r="F118" s="450"/>
      <c r="G118" s="450"/>
      <c r="H118" s="451"/>
      <c r="I118" s="450" t="s">
        <v>765</v>
      </c>
      <c r="J118" s="450"/>
      <c r="K118" s="450"/>
      <c r="L118" s="450"/>
      <c r="M118" s="349"/>
      <c r="N118" s="151" t="s">
        <v>7</v>
      </c>
      <c r="O118" s="92" t="s">
        <v>462</v>
      </c>
      <c r="AG118" s="104"/>
      <c r="AH118" s="149"/>
      <c r="AI118" s="92"/>
      <c r="AP118" s="104"/>
    </row>
    <row r="119" spans="1:42" ht="15.95" customHeight="1" x14ac:dyDescent="0.15">
      <c r="A119" s="162"/>
      <c r="B119" s="153"/>
      <c r="C119" s="153"/>
      <c r="D119" s="153"/>
      <c r="E119" s="162"/>
      <c r="F119" s="153"/>
      <c r="G119" s="153"/>
      <c r="H119" s="154"/>
      <c r="I119" s="153"/>
      <c r="J119" s="153"/>
      <c r="K119" s="153"/>
      <c r="L119" s="153"/>
      <c r="M119" s="349" t="s">
        <v>766</v>
      </c>
      <c r="N119" s="151"/>
      <c r="O119" s="92"/>
      <c r="AG119" s="104"/>
      <c r="AH119" s="149"/>
      <c r="AI119" s="92"/>
      <c r="AP119" s="104"/>
    </row>
    <row r="120" spans="1:42" ht="15.95" customHeight="1" x14ac:dyDescent="0.15">
      <c r="A120" s="162"/>
      <c r="B120" s="153"/>
      <c r="C120" s="153"/>
      <c r="D120" s="153"/>
      <c r="E120" s="162"/>
      <c r="F120" s="153"/>
      <c r="G120" s="153"/>
      <c r="H120" s="154"/>
      <c r="I120" s="153"/>
      <c r="J120" s="153"/>
      <c r="K120" s="153"/>
      <c r="L120" s="153"/>
      <c r="M120" s="349" t="s">
        <v>767</v>
      </c>
      <c r="N120" s="151"/>
      <c r="O120" s="92"/>
      <c r="Q120" s="92"/>
      <c r="AG120" s="104"/>
      <c r="AH120" s="149"/>
      <c r="AI120" s="92"/>
      <c r="AP120" s="104"/>
    </row>
    <row r="121" spans="1:42" ht="15.95" customHeight="1" x14ac:dyDescent="0.15">
      <c r="A121" s="162"/>
      <c r="B121" s="153"/>
      <c r="C121" s="153"/>
      <c r="D121" s="153"/>
      <c r="E121" s="162"/>
      <c r="F121" s="153"/>
      <c r="G121" s="153"/>
      <c r="H121" s="154"/>
      <c r="I121" s="153"/>
      <c r="J121" s="153"/>
      <c r="K121" s="153"/>
      <c r="L121" s="153"/>
      <c r="M121" s="121"/>
      <c r="N121" s="151" t="s">
        <v>7</v>
      </c>
      <c r="O121" s="92" t="s">
        <v>462</v>
      </c>
      <c r="P121" s="92"/>
      <c r="Q121" s="92"/>
      <c r="AG121" s="104"/>
      <c r="AH121" s="149"/>
      <c r="AI121" s="92"/>
      <c r="AP121" s="104"/>
    </row>
    <row r="122" spans="1:42" ht="15.95" customHeight="1" x14ac:dyDescent="0.15">
      <c r="A122" s="162"/>
      <c r="B122" s="153"/>
      <c r="C122" s="153"/>
      <c r="D122" s="153"/>
      <c r="E122" s="162"/>
      <c r="F122" s="153"/>
      <c r="G122" s="153"/>
      <c r="H122" s="154"/>
      <c r="I122" s="153"/>
      <c r="J122" s="153"/>
      <c r="K122" s="153"/>
      <c r="L122" s="153"/>
      <c r="M122" s="349" t="s">
        <v>768</v>
      </c>
      <c r="AG122" s="104"/>
      <c r="AH122" s="149"/>
      <c r="AI122" s="92"/>
      <c r="AP122" s="104"/>
    </row>
    <row r="123" spans="1:42" ht="15.95" customHeight="1" x14ac:dyDescent="0.15">
      <c r="A123" s="149"/>
      <c r="E123" s="149"/>
      <c r="H123" s="104"/>
      <c r="M123" s="349" t="s">
        <v>769</v>
      </c>
      <c r="N123" s="151"/>
      <c r="AG123" s="104"/>
      <c r="AH123" s="149"/>
      <c r="AI123" s="92"/>
      <c r="AP123" s="104"/>
    </row>
    <row r="124" spans="1:42" ht="15.95" customHeight="1" x14ac:dyDescent="0.15">
      <c r="A124" s="149"/>
      <c r="E124" s="149"/>
      <c r="H124" s="104"/>
      <c r="M124" s="146"/>
      <c r="N124" s="151" t="s">
        <v>7</v>
      </c>
      <c r="O124" s="92" t="s">
        <v>462</v>
      </c>
      <c r="AG124" s="104"/>
      <c r="AH124" s="149"/>
      <c r="AI124" s="92"/>
      <c r="AP124" s="104"/>
    </row>
    <row r="125" spans="1:42" ht="15.95" customHeight="1" x14ac:dyDescent="0.15">
      <c r="A125" s="149"/>
      <c r="E125" s="149"/>
      <c r="H125" s="104"/>
      <c r="M125" s="149"/>
      <c r="N125" s="151" t="s">
        <v>7</v>
      </c>
      <c r="O125" s="92" t="s">
        <v>463</v>
      </c>
      <c r="Q125" s="91" t="s">
        <v>25</v>
      </c>
      <c r="R125" s="479"/>
      <c r="S125" s="479"/>
      <c r="T125" s="479"/>
      <c r="U125" s="479"/>
      <c r="V125" s="479"/>
      <c r="W125" s="479"/>
      <c r="X125" s="479"/>
      <c r="Y125" s="479"/>
      <c r="Z125" s="479"/>
      <c r="AA125" s="479"/>
      <c r="AB125" s="91" t="s">
        <v>26</v>
      </c>
      <c r="AG125" s="104"/>
      <c r="AH125" s="149"/>
      <c r="AP125" s="104"/>
    </row>
    <row r="126" spans="1:42" ht="15.95" customHeight="1" x14ac:dyDescent="0.15">
      <c r="A126" s="219"/>
      <c r="B126" s="116"/>
      <c r="C126" s="116"/>
      <c r="D126" s="116"/>
      <c r="E126" s="219"/>
      <c r="F126" s="116"/>
      <c r="G126" s="116"/>
      <c r="H126" s="106"/>
      <c r="I126" s="116"/>
      <c r="J126" s="116"/>
      <c r="K126" s="116"/>
      <c r="L126" s="116"/>
      <c r="M126" s="219"/>
      <c r="N126" s="116"/>
      <c r="O126" s="126" t="s">
        <v>7</v>
      </c>
      <c r="P126" s="350" t="s">
        <v>770</v>
      </c>
      <c r="Q126" s="116"/>
      <c r="R126" s="116"/>
      <c r="S126" s="116"/>
      <c r="T126" s="116"/>
      <c r="U126" s="116"/>
      <c r="V126" s="116"/>
      <c r="W126" s="116"/>
      <c r="X126" s="116"/>
      <c r="Y126" s="116"/>
      <c r="Z126" s="116"/>
      <c r="AA126" s="116"/>
      <c r="AB126" s="116"/>
      <c r="AC126" s="116"/>
      <c r="AD126" s="116"/>
      <c r="AE126" s="116"/>
      <c r="AF126" s="116"/>
      <c r="AG126" s="106"/>
      <c r="AH126" s="219"/>
      <c r="AI126" s="116"/>
      <c r="AJ126" s="116"/>
      <c r="AK126" s="116"/>
      <c r="AL126" s="116"/>
      <c r="AM126" s="116"/>
      <c r="AN126" s="116"/>
      <c r="AO126" s="116"/>
      <c r="AP126" s="106"/>
    </row>
    <row r="127" spans="1:42" ht="15.95" customHeight="1" x14ac:dyDescent="0.15">
      <c r="A127" s="328" t="s">
        <v>743</v>
      </c>
      <c r="B127" s="328"/>
      <c r="C127" s="328"/>
      <c r="D127" s="328"/>
      <c r="E127" s="328"/>
      <c r="F127" s="328"/>
      <c r="G127" s="328"/>
      <c r="H127" s="328"/>
      <c r="I127" s="328"/>
      <c r="J127" s="328"/>
      <c r="K127" s="328"/>
      <c r="L127" s="328"/>
      <c r="M127" s="328"/>
      <c r="N127" s="328"/>
      <c r="O127" s="328"/>
      <c r="P127" s="328"/>
      <c r="Q127" s="328"/>
      <c r="R127" s="328"/>
      <c r="S127" s="328"/>
      <c r="T127" s="328"/>
      <c r="U127" s="328"/>
      <c r="V127" s="328"/>
      <c r="W127" s="328"/>
      <c r="X127" s="328"/>
      <c r="Y127" s="328"/>
      <c r="Z127" s="328"/>
      <c r="AA127" s="328"/>
      <c r="AB127" s="328"/>
      <c r="AC127" s="328"/>
      <c r="AD127" s="328"/>
      <c r="AE127" s="328"/>
      <c r="AF127" s="328"/>
      <c r="AG127" s="328"/>
      <c r="AH127" s="328"/>
      <c r="AI127" s="328"/>
      <c r="AJ127" s="328"/>
      <c r="AK127" s="328"/>
      <c r="AL127" s="328"/>
      <c r="AM127" s="328"/>
    </row>
    <row r="128" spans="1:42"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sheetData>
  <mergeCells count="146">
    <mergeCell ref="A118:D118"/>
    <mergeCell ref="E118:H118"/>
    <mergeCell ref="I118:L118"/>
    <mergeCell ref="R125:AA125"/>
    <mergeCell ref="A110:D110"/>
    <mergeCell ref="E110:H110"/>
    <mergeCell ref="I110:L110"/>
    <mergeCell ref="A117:D117"/>
    <mergeCell ref="E117:H117"/>
    <mergeCell ref="I117:L117"/>
    <mergeCell ref="AI105:AM105"/>
    <mergeCell ref="A107:D107"/>
    <mergeCell ref="E107:H107"/>
    <mergeCell ref="I107:L107"/>
    <mergeCell ref="A109:D109"/>
    <mergeCell ref="E109:H109"/>
    <mergeCell ref="I109:L109"/>
    <mergeCell ref="T103:W103"/>
    <mergeCell ref="A104:D104"/>
    <mergeCell ref="E104:H104"/>
    <mergeCell ref="I104:L104"/>
    <mergeCell ref="T104:U104"/>
    <mergeCell ref="A105:D105"/>
    <mergeCell ref="I105:L105"/>
    <mergeCell ref="O102:P102"/>
    <mergeCell ref="T102:W102"/>
    <mergeCell ref="I93:L94"/>
    <mergeCell ref="P93:Y93"/>
    <mergeCell ref="I95:L96"/>
    <mergeCell ref="P95:Y95"/>
    <mergeCell ref="E97:H97"/>
    <mergeCell ref="I97:L97"/>
    <mergeCell ref="E79:H96"/>
    <mergeCell ref="I84:L84"/>
    <mergeCell ref="I85:L89"/>
    <mergeCell ref="R85:Y85"/>
    <mergeCell ref="I90:L92"/>
    <mergeCell ref="R90:Y90"/>
    <mergeCell ref="R91:Y91"/>
    <mergeCell ref="R92:Y92"/>
    <mergeCell ref="I98:L98"/>
    <mergeCell ref="I79:L80"/>
    <mergeCell ref="P79:Y79"/>
    <mergeCell ref="I81:L82"/>
    <mergeCell ref="P81:Y81"/>
    <mergeCell ref="I83:L83"/>
    <mergeCell ref="P83:Y83"/>
    <mergeCell ref="I99:L99"/>
    <mergeCell ref="A100:D100"/>
    <mergeCell ref="E100:H100"/>
    <mergeCell ref="I100:L100"/>
    <mergeCell ref="T100:W100"/>
    <mergeCell ref="O65:S65"/>
    <mergeCell ref="O67:S67"/>
    <mergeCell ref="B68:D71"/>
    <mergeCell ref="O69:S69"/>
    <mergeCell ref="I70:L72"/>
    <mergeCell ref="U70:X70"/>
    <mergeCell ref="U71:X71"/>
    <mergeCell ref="U72:X72"/>
    <mergeCell ref="R76:T76"/>
    <mergeCell ref="R77:T77"/>
    <mergeCell ref="E61:H61"/>
    <mergeCell ref="I61:L61"/>
    <mergeCell ref="I63:L63"/>
    <mergeCell ref="A64:D64"/>
    <mergeCell ref="E64:H78"/>
    <mergeCell ref="I64:L69"/>
    <mergeCell ref="A65:D65"/>
    <mergeCell ref="I73:L74"/>
    <mergeCell ref="I75:L77"/>
    <mergeCell ref="I62:L62"/>
    <mergeCell ref="I78:L78"/>
    <mergeCell ref="T57:AB57"/>
    <mergeCell ref="E58:H60"/>
    <mergeCell ref="I58:L58"/>
    <mergeCell ref="I59:L59"/>
    <mergeCell ref="I60:L60"/>
    <mergeCell ref="Q60:V60"/>
    <mergeCell ref="E41:H48"/>
    <mergeCell ref="I41:L42"/>
    <mergeCell ref="R41:U41"/>
    <mergeCell ref="I43:L44"/>
    <mergeCell ref="I45:L48"/>
    <mergeCell ref="E49:H57"/>
    <mergeCell ref="I49:L57"/>
    <mergeCell ref="R50:AD50"/>
    <mergeCell ref="R51:AD51"/>
    <mergeCell ref="T55:AB55"/>
    <mergeCell ref="E37:H40"/>
    <mergeCell ref="I37:L38"/>
    <mergeCell ref="O38:S38"/>
    <mergeCell ref="I39:L40"/>
    <mergeCell ref="O40:S40"/>
    <mergeCell ref="T31:AC31"/>
    <mergeCell ref="N32:P32"/>
    <mergeCell ref="T32:AC32"/>
    <mergeCell ref="I33:L36"/>
    <mergeCell ref="N34:O34"/>
    <mergeCell ref="R34:V34"/>
    <mergeCell ref="Z34:AD34"/>
    <mergeCell ref="N35:O35"/>
    <mergeCell ref="R35:V35"/>
    <mergeCell ref="Z35:AD35"/>
    <mergeCell ref="E28:H36"/>
    <mergeCell ref="I28:L32"/>
    <mergeCell ref="M28:AG28"/>
    <mergeCell ref="N30:P30"/>
    <mergeCell ref="T30:AC30"/>
    <mergeCell ref="N31:P31"/>
    <mergeCell ref="N36:O36"/>
    <mergeCell ref="R36:V36"/>
    <mergeCell ref="Z36:AD36"/>
    <mergeCell ref="E11:H27"/>
    <mergeCell ref="I11:L13"/>
    <mergeCell ref="I14:L27"/>
    <mergeCell ref="A3:D4"/>
    <mergeCell ref="E3:H3"/>
    <mergeCell ref="I3:AG3"/>
    <mergeCell ref="P19:R19"/>
    <mergeCell ref="AA19:AB19"/>
    <mergeCell ref="U20:AC20"/>
    <mergeCell ref="P21:R21"/>
    <mergeCell ref="U22:AC22"/>
    <mergeCell ref="P23:R23"/>
    <mergeCell ref="AA23:AB23"/>
    <mergeCell ref="P14:AC14"/>
    <mergeCell ref="P15:R15"/>
    <mergeCell ref="P16:AC16"/>
    <mergeCell ref="P17:R17"/>
    <mergeCell ref="AA17:AB17"/>
    <mergeCell ref="P18:AC18"/>
    <mergeCell ref="P25:R25"/>
    <mergeCell ref="AA25:AB25"/>
    <mergeCell ref="P27:R27"/>
    <mergeCell ref="AA27:AB27"/>
    <mergeCell ref="AH3:AM4"/>
    <mergeCell ref="AN3:AP3"/>
    <mergeCell ref="E4:H4"/>
    <mergeCell ref="I4:L4"/>
    <mergeCell ref="M4:AG4"/>
    <mergeCell ref="AN4:AP4"/>
    <mergeCell ref="A5:D5"/>
    <mergeCell ref="E5:L10"/>
    <mergeCell ref="A6:D6"/>
    <mergeCell ref="B8:D10"/>
  </mergeCells>
  <phoneticPr fontId="20"/>
  <dataValidations count="1">
    <dataValidation type="list" allowBlank="1" showInputMessage="1" showErrorMessage="1" sqref="AH100:AH101 AH28:AH29 M95 AH104:AH107 AL52 N118:N121 N105 M107:M108 AH5 M61:M63 AH37:AH38 AH41:AH44 M43:M44 M46:M47 R46 W46 AH64:AH67 X61:X63 A8 X5 AL28:AL29 AB46 AL79:AL80 AL83 M90:M93 A68 M73 M75 M78:M79 M81 M83 M85 R86:R89 X86 M37 M39 AH58:AH59 AL58:AL59 M5 N6:N7 M8 T5 AL31 AL40 AL37:AL38 V48 N48 M11:M13 M49 AH49:AH52 N50:N52 X54 X56 M56 Q54 Q56 M53:M54 AL49:AL50 S11:S13 Y11:Y12 AH11 AH14:AH16 AJ14:AJ15 AL17:AL20 N58:N60 V58:V60 N124:N125 O126 AH79:AH81 AA61:AA63 O113 N111:N113 AH109 N116 AH117 X97:X99 AA97:AA99 M97:M99 N9:N10">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rowBreaks count="1" manualBreakCount="1">
    <brk id="63" max="46"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pageSetUpPr fitToPage="1"/>
  </sheetPr>
  <dimension ref="A1:AO306"/>
  <sheetViews>
    <sheetView showGridLines="0" view="pageBreakPreview" zoomScale="85" zoomScaleNormal="85" zoomScaleSheetLayoutView="85" workbookViewId="0"/>
  </sheetViews>
  <sheetFormatPr defaultRowHeight="14.25" x14ac:dyDescent="0.15"/>
  <cols>
    <col min="1" max="33" width="2.625" style="328" customWidth="1"/>
    <col min="34" max="34" width="2.625" style="342" customWidth="1"/>
    <col min="35" max="41" width="2.625" style="328" customWidth="1"/>
    <col min="42" max="16384" width="9" style="328"/>
  </cols>
  <sheetData>
    <row r="1" spans="1:41" ht="30" customHeight="1" x14ac:dyDescent="0.15">
      <c r="A1" s="87" t="s">
        <v>52</v>
      </c>
      <c r="B1" s="88"/>
      <c r="C1" s="88"/>
      <c r="D1" s="88"/>
      <c r="E1" s="88"/>
      <c r="F1" s="89"/>
      <c r="G1" s="89"/>
      <c r="H1" s="89"/>
      <c r="I1" s="88"/>
      <c r="J1" s="88"/>
      <c r="K1" s="88"/>
      <c r="L1" s="88"/>
      <c r="M1" s="88"/>
      <c r="N1" s="88"/>
      <c r="O1" s="88"/>
      <c r="P1" s="88"/>
      <c r="Q1" s="88"/>
      <c r="R1" s="88"/>
      <c r="S1" s="88"/>
      <c r="T1" s="88"/>
      <c r="U1" s="88"/>
      <c r="V1" s="88"/>
      <c r="W1" s="88"/>
      <c r="X1" s="88"/>
      <c r="Y1" s="88"/>
      <c r="Z1" s="88"/>
      <c r="AA1" s="88"/>
      <c r="AB1" s="88"/>
      <c r="AC1" s="88"/>
      <c r="AD1" s="88"/>
      <c r="AE1" s="88"/>
      <c r="AF1" s="88"/>
      <c r="AG1" s="88"/>
      <c r="AH1" s="327"/>
      <c r="AI1" s="88"/>
      <c r="AJ1" s="88"/>
      <c r="AK1" s="88"/>
      <c r="AL1" s="88"/>
      <c r="AM1" s="91"/>
      <c r="AN1" s="91"/>
      <c r="AO1" s="90" t="s">
        <v>53</v>
      </c>
    </row>
    <row r="2" spans="1:41" ht="10.5" customHeight="1" x14ac:dyDescent="0.15">
      <c r="A2" s="131"/>
      <c r="B2" s="131"/>
      <c r="C2" s="131"/>
      <c r="D2" s="131"/>
      <c r="E2" s="131"/>
      <c r="F2" s="131"/>
      <c r="G2" s="131"/>
      <c r="H2" s="131"/>
      <c r="I2" s="124"/>
      <c r="J2" s="101"/>
      <c r="K2" s="92"/>
      <c r="L2" s="92"/>
      <c r="M2" s="91"/>
      <c r="N2" s="92"/>
      <c r="O2" s="92"/>
      <c r="P2" s="92"/>
      <c r="Q2" s="91"/>
      <c r="R2" s="91"/>
      <c r="S2" s="91"/>
      <c r="T2" s="91"/>
      <c r="U2" s="132"/>
      <c r="V2" s="132"/>
      <c r="W2" s="132"/>
      <c r="X2" s="132"/>
      <c r="Y2" s="132"/>
      <c r="Z2" s="132"/>
      <c r="AA2" s="132"/>
      <c r="AB2" s="132"/>
      <c r="AC2" s="132"/>
      <c r="AD2" s="132"/>
      <c r="AE2" s="132"/>
      <c r="AF2" s="132"/>
      <c r="AG2" s="132"/>
      <c r="AH2" s="151"/>
      <c r="AI2" s="92"/>
      <c r="AJ2" s="92"/>
      <c r="AK2" s="92"/>
      <c r="AL2" s="91"/>
      <c r="AM2" s="91"/>
      <c r="AN2" s="91"/>
      <c r="AO2" s="91"/>
    </row>
    <row r="3" spans="1:41" ht="15.75" customHeight="1" x14ac:dyDescent="0.15">
      <c r="A3" s="452" t="s">
        <v>55</v>
      </c>
      <c r="B3" s="453"/>
      <c r="C3" s="453"/>
      <c r="D3" s="454"/>
      <c r="E3" s="437" t="s">
        <v>56</v>
      </c>
      <c r="F3" s="438"/>
      <c r="G3" s="438"/>
      <c r="H3" s="439"/>
      <c r="I3" s="458" t="s">
        <v>57</v>
      </c>
      <c r="J3" s="459"/>
      <c r="K3" s="459"/>
      <c r="L3" s="459"/>
      <c r="M3" s="459"/>
      <c r="N3" s="459"/>
      <c r="O3" s="459"/>
      <c r="P3" s="459"/>
      <c r="Q3" s="459"/>
      <c r="R3" s="459"/>
      <c r="S3" s="459"/>
      <c r="T3" s="459"/>
      <c r="U3" s="459"/>
      <c r="V3" s="459"/>
      <c r="W3" s="459"/>
      <c r="X3" s="459"/>
      <c r="Y3" s="459"/>
      <c r="Z3" s="459"/>
      <c r="AA3" s="459"/>
      <c r="AB3" s="459"/>
      <c r="AC3" s="459"/>
      <c r="AD3" s="459"/>
      <c r="AE3" s="133"/>
      <c r="AF3" s="133"/>
      <c r="AG3" s="133" t="s">
        <v>58</v>
      </c>
      <c r="AH3" s="460" t="s">
        <v>59</v>
      </c>
      <c r="AI3" s="460"/>
      <c r="AJ3" s="460"/>
      <c r="AK3" s="460"/>
      <c r="AL3" s="460"/>
      <c r="AM3" s="460" t="s">
        <v>60</v>
      </c>
      <c r="AN3" s="460"/>
      <c r="AO3" s="460"/>
    </row>
    <row r="4" spans="1:41" ht="15.75" customHeight="1" x14ac:dyDescent="0.15">
      <c r="A4" s="455"/>
      <c r="B4" s="456"/>
      <c r="C4" s="456"/>
      <c r="D4" s="457"/>
      <c r="E4" s="461" t="s">
        <v>61</v>
      </c>
      <c r="F4" s="462"/>
      <c r="G4" s="462"/>
      <c r="H4" s="463"/>
      <c r="I4" s="464" t="s">
        <v>61</v>
      </c>
      <c r="J4" s="465"/>
      <c r="K4" s="465"/>
      <c r="L4" s="466"/>
      <c r="M4" s="458" t="s">
        <v>60</v>
      </c>
      <c r="N4" s="459"/>
      <c r="O4" s="459"/>
      <c r="P4" s="459"/>
      <c r="Q4" s="459"/>
      <c r="R4" s="459"/>
      <c r="S4" s="459"/>
      <c r="T4" s="459"/>
      <c r="U4" s="459"/>
      <c r="V4" s="459"/>
      <c r="W4" s="459"/>
      <c r="X4" s="459"/>
      <c r="Y4" s="459"/>
      <c r="Z4" s="459"/>
      <c r="AA4" s="459"/>
      <c r="AB4" s="459"/>
      <c r="AC4" s="459"/>
      <c r="AD4" s="459"/>
      <c r="AE4" s="459"/>
      <c r="AF4" s="459"/>
      <c r="AG4" s="459"/>
      <c r="AH4" s="433"/>
      <c r="AI4" s="433"/>
      <c r="AJ4" s="433"/>
      <c r="AK4" s="433"/>
      <c r="AL4" s="433"/>
      <c r="AM4" s="433" t="s">
        <v>62</v>
      </c>
      <c r="AN4" s="433"/>
      <c r="AO4" s="433"/>
    </row>
    <row r="5" spans="1:41" ht="15.75" customHeight="1" x14ac:dyDescent="0.15">
      <c r="A5" s="434" t="s">
        <v>63</v>
      </c>
      <c r="B5" s="435"/>
      <c r="C5" s="435"/>
      <c r="D5" s="436"/>
      <c r="E5" s="437" t="s">
        <v>64</v>
      </c>
      <c r="F5" s="438"/>
      <c r="G5" s="438"/>
      <c r="H5" s="439"/>
      <c r="I5" s="440" t="s">
        <v>65</v>
      </c>
      <c r="J5" s="441"/>
      <c r="K5" s="441"/>
      <c r="L5" s="442"/>
      <c r="M5" s="134" t="s">
        <v>66</v>
      </c>
      <c r="N5" s="98" t="s">
        <v>669</v>
      </c>
      <c r="O5" s="98"/>
      <c r="P5" s="208"/>
      <c r="Q5" s="208"/>
      <c r="R5" s="330"/>
      <c r="S5" s="330" t="s">
        <v>25</v>
      </c>
      <c r="T5" s="140" t="s">
        <v>7</v>
      </c>
      <c r="U5" s="98" t="s">
        <v>68</v>
      </c>
      <c r="V5" s="114"/>
      <c r="W5" s="114"/>
      <c r="X5" s="114"/>
      <c r="Y5" s="140" t="s">
        <v>7</v>
      </c>
      <c r="Z5" s="98" t="s">
        <v>0</v>
      </c>
      <c r="AA5" s="114"/>
      <c r="AB5" s="114" t="s">
        <v>26</v>
      </c>
      <c r="AC5" s="114"/>
      <c r="AD5" s="114"/>
      <c r="AE5" s="114"/>
      <c r="AF5" s="114"/>
      <c r="AG5" s="99"/>
      <c r="AH5" s="140" t="s">
        <v>7</v>
      </c>
      <c r="AI5" s="98" t="s">
        <v>69</v>
      </c>
      <c r="AJ5" s="98"/>
      <c r="AK5" s="98"/>
      <c r="AL5" s="139"/>
      <c r="AM5" s="141"/>
      <c r="AN5" s="98"/>
      <c r="AO5" s="142"/>
    </row>
    <row r="6" spans="1:41" ht="15.75" customHeight="1" x14ac:dyDescent="0.15">
      <c r="A6" s="446" t="s">
        <v>70</v>
      </c>
      <c r="B6" s="447"/>
      <c r="C6" s="447"/>
      <c r="D6" s="448"/>
      <c r="E6" s="449" t="s">
        <v>71</v>
      </c>
      <c r="F6" s="450"/>
      <c r="G6" s="450"/>
      <c r="H6" s="451"/>
      <c r="I6" s="443"/>
      <c r="J6" s="444"/>
      <c r="K6" s="444"/>
      <c r="L6" s="445"/>
      <c r="M6" s="148"/>
      <c r="N6" s="92"/>
      <c r="O6" s="92"/>
      <c r="P6" s="129"/>
      <c r="Q6" s="92"/>
      <c r="R6" s="92"/>
      <c r="S6" s="92"/>
      <c r="T6" s="92"/>
      <c r="U6" s="92"/>
      <c r="V6" s="92"/>
      <c r="W6" s="92"/>
      <c r="X6" s="92"/>
      <c r="Y6" s="92"/>
      <c r="Z6" s="92"/>
      <c r="AA6" s="92"/>
      <c r="AB6" s="92"/>
      <c r="AC6" s="92"/>
      <c r="AD6" s="92"/>
      <c r="AE6" s="92"/>
      <c r="AF6" s="92"/>
      <c r="AG6" s="145"/>
      <c r="AH6" s="146" t="s">
        <v>7</v>
      </c>
      <c r="AI6" s="92" t="s">
        <v>75</v>
      </c>
      <c r="AJ6" s="92"/>
      <c r="AK6" s="92"/>
      <c r="AL6" s="147"/>
      <c r="AM6" s="148"/>
      <c r="AN6" s="92"/>
      <c r="AO6" s="145"/>
    </row>
    <row r="7" spans="1:41" ht="15.75" customHeight="1" x14ac:dyDescent="0.15">
      <c r="A7" s="148"/>
      <c r="B7" s="92"/>
      <c r="C7" s="92"/>
      <c r="D7" s="145"/>
      <c r="E7" s="91"/>
      <c r="F7" s="91"/>
      <c r="G7" s="91"/>
      <c r="H7" s="91"/>
      <c r="I7" s="149"/>
      <c r="J7" s="91"/>
      <c r="K7" s="91"/>
      <c r="L7" s="104"/>
      <c r="M7" s="331" t="s">
        <v>66</v>
      </c>
      <c r="N7" s="122" t="s">
        <v>670</v>
      </c>
      <c r="O7" s="332" t="s">
        <v>94</v>
      </c>
      <c r="P7" s="151" t="s">
        <v>7</v>
      </c>
      <c r="Q7" s="122" t="s">
        <v>73</v>
      </c>
      <c r="R7" s="122"/>
      <c r="S7" s="123"/>
      <c r="T7" s="332" t="s">
        <v>25</v>
      </c>
      <c r="U7" s="122" t="s">
        <v>671</v>
      </c>
      <c r="V7" s="122"/>
      <c r="W7" s="430"/>
      <c r="X7" s="430"/>
      <c r="Y7" s="430"/>
      <c r="Z7" s="430"/>
      <c r="AA7" s="430"/>
      <c r="AB7" s="430"/>
      <c r="AC7" s="430"/>
      <c r="AD7" s="430"/>
      <c r="AE7" s="430"/>
      <c r="AF7" s="122" t="s">
        <v>26</v>
      </c>
      <c r="AG7" s="333"/>
      <c r="AH7" s="146" t="s">
        <v>54</v>
      </c>
      <c r="AI7" s="92"/>
      <c r="AJ7" s="92"/>
      <c r="AK7" s="92"/>
      <c r="AL7" s="145"/>
      <c r="AM7" s="148"/>
      <c r="AN7" s="92"/>
      <c r="AO7" s="145"/>
    </row>
    <row r="8" spans="1:41" ht="15.75" customHeight="1" x14ac:dyDescent="0.15">
      <c r="A8" s="146"/>
      <c r="B8" s="232"/>
      <c r="C8" s="232"/>
      <c r="D8" s="233"/>
      <c r="E8" s="92"/>
      <c r="F8" s="92"/>
      <c r="G8" s="92"/>
      <c r="H8" s="145"/>
      <c r="I8" s="148"/>
      <c r="J8" s="92"/>
      <c r="K8" s="92"/>
      <c r="L8" s="92"/>
      <c r="M8" s="148"/>
      <c r="N8" s="92"/>
      <c r="O8" s="92"/>
      <c r="P8" s="151" t="s">
        <v>7</v>
      </c>
      <c r="Q8" s="92" t="s">
        <v>672</v>
      </c>
      <c r="R8" s="92"/>
      <c r="S8" s="92"/>
      <c r="T8" s="175" t="s">
        <v>25</v>
      </c>
      <c r="U8" s="92" t="s">
        <v>671</v>
      </c>
      <c r="V8" s="92"/>
      <c r="W8" s="431"/>
      <c r="X8" s="431"/>
      <c r="Y8" s="431"/>
      <c r="Z8" s="431"/>
      <c r="AA8" s="431"/>
      <c r="AB8" s="431"/>
      <c r="AC8" s="431"/>
      <c r="AD8" s="431"/>
      <c r="AE8" s="431"/>
      <c r="AF8" s="92" t="s">
        <v>26</v>
      </c>
      <c r="AG8" s="251" t="s">
        <v>673</v>
      </c>
      <c r="AH8" s="334"/>
      <c r="AI8" s="92"/>
      <c r="AJ8" s="92"/>
      <c r="AK8" s="92"/>
      <c r="AL8" s="147"/>
      <c r="AM8" s="148"/>
      <c r="AN8" s="92"/>
      <c r="AO8" s="145"/>
    </row>
    <row r="9" spans="1:41" ht="15.75" customHeight="1" x14ac:dyDescent="0.15">
      <c r="A9" s="149"/>
      <c r="B9" s="232"/>
      <c r="C9" s="232"/>
      <c r="D9" s="233"/>
      <c r="E9" s="153"/>
      <c r="F9" s="153"/>
      <c r="G9" s="153"/>
      <c r="H9" s="154"/>
      <c r="I9" s="148"/>
      <c r="J9" s="153"/>
      <c r="K9" s="153"/>
      <c r="L9" s="154"/>
      <c r="M9" s="148"/>
      <c r="N9" s="92" t="s">
        <v>674</v>
      </c>
      <c r="O9" s="92"/>
      <c r="P9" s="175" t="s">
        <v>25</v>
      </c>
      <c r="Q9" s="431"/>
      <c r="R9" s="431"/>
      <c r="S9" s="431"/>
      <c r="T9" s="431"/>
      <c r="U9" s="431"/>
      <c r="V9" s="431"/>
      <c r="W9" s="431"/>
      <c r="X9" s="431"/>
      <c r="Y9" s="431"/>
      <c r="Z9" s="431"/>
      <c r="AA9" s="431"/>
      <c r="AB9" s="92" t="s">
        <v>153</v>
      </c>
      <c r="AC9" s="92" t="s">
        <v>26</v>
      </c>
      <c r="AD9" s="92"/>
      <c r="AE9" s="91"/>
      <c r="AF9" s="91"/>
      <c r="AG9" s="152"/>
      <c r="AH9" s="146"/>
      <c r="AI9" s="156"/>
      <c r="AJ9" s="92"/>
      <c r="AK9" s="92"/>
      <c r="AL9" s="157"/>
      <c r="AM9" s="148"/>
      <c r="AN9" s="92"/>
      <c r="AO9" s="145"/>
    </row>
    <row r="10" spans="1:41" ht="15.75" customHeight="1" x14ac:dyDescent="0.15">
      <c r="A10" s="149"/>
      <c r="B10" s="232"/>
      <c r="C10" s="232"/>
      <c r="D10" s="233"/>
      <c r="E10" s="153"/>
      <c r="F10" s="153"/>
      <c r="G10" s="153"/>
      <c r="H10" s="154"/>
      <c r="I10" s="148"/>
      <c r="J10" s="153"/>
      <c r="K10" s="153"/>
      <c r="L10" s="154"/>
      <c r="M10" s="264"/>
      <c r="N10" s="129" t="s">
        <v>675</v>
      </c>
      <c r="O10" s="129"/>
      <c r="P10" s="129"/>
      <c r="Q10" s="298" t="s">
        <v>94</v>
      </c>
      <c r="R10" s="159" t="s">
        <v>7</v>
      </c>
      <c r="S10" s="129" t="s">
        <v>2</v>
      </c>
      <c r="T10" s="298" t="s">
        <v>25</v>
      </c>
      <c r="U10" s="129" t="s">
        <v>676</v>
      </c>
      <c r="V10" s="129"/>
      <c r="W10" s="432"/>
      <c r="X10" s="432"/>
      <c r="Y10" s="432"/>
      <c r="Z10" s="432"/>
      <c r="AA10" s="432"/>
      <c r="AB10" s="432"/>
      <c r="AC10" s="129" t="s">
        <v>26</v>
      </c>
      <c r="AD10" s="129"/>
      <c r="AE10" s="159" t="s">
        <v>7</v>
      </c>
      <c r="AF10" s="129" t="s">
        <v>677</v>
      </c>
      <c r="AG10" s="181" t="s">
        <v>673</v>
      </c>
      <c r="AH10" s="146"/>
      <c r="AI10" s="156"/>
      <c r="AJ10" s="92"/>
      <c r="AK10" s="92"/>
      <c r="AL10" s="157"/>
      <c r="AM10" s="148"/>
      <c r="AN10" s="92"/>
      <c r="AO10" s="145"/>
    </row>
    <row r="11" spans="1:41" ht="15.75" customHeight="1" x14ac:dyDescent="0.15">
      <c r="A11" s="149"/>
      <c r="B11" s="232"/>
      <c r="C11" s="232"/>
      <c r="D11" s="233"/>
      <c r="E11" s="153"/>
      <c r="F11" s="153"/>
      <c r="G11" s="153"/>
      <c r="H11" s="154"/>
      <c r="I11" s="148"/>
      <c r="J11" s="153"/>
      <c r="K11" s="153"/>
      <c r="L11" s="154"/>
      <c r="M11" s="331" t="s">
        <v>66</v>
      </c>
      <c r="N11" s="122" t="s">
        <v>678</v>
      </c>
      <c r="O11" s="122"/>
      <c r="P11" s="122"/>
      <c r="Q11" s="122"/>
      <c r="R11" s="332" t="s">
        <v>94</v>
      </c>
      <c r="S11" s="144" t="s">
        <v>7</v>
      </c>
      <c r="T11" s="122" t="s">
        <v>73</v>
      </c>
      <c r="U11" s="122"/>
      <c r="V11" s="332"/>
      <c r="W11" s="332" t="s">
        <v>25</v>
      </c>
      <c r="X11" s="122" t="s">
        <v>671</v>
      </c>
      <c r="Y11" s="122"/>
      <c r="Z11" s="430"/>
      <c r="AA11" s="430"/>
      <c r="AB11" s="430"/>
      <c r="AC11" s="430"/>
      <c r="AD11" s="430"/>
      <c r="AE11" s="430"/>
      <c r="AF11" s="122" t="s">
        <v>26</v>
      </c>
      <c r="AG11" s="333"/>
      <c r="AH11" s="334"/>
      <c r="AI11" s="92"/>
      <c r="AJ11" s="92"/>
      <c r="AK11" s="92"/>
      <c r="AL11" s="145"/>
      <c r="AM11" s="148"/>
      <c r="AN11" s="92"/>
      <c r="AO11" s="145"/>
    </row>
    <row r="12" spans="1:41" ht="15.75" customHeight="1" x14ac:dyDescent="0.15">
      <c r="A12" s="162"/>
      <c r="B12" s="232"/>
      <c r="C12" s="232"/>
      <c r="D12" s="233"/>
      <c r="E12" s="92"/>
      <c r="F12" s="92"/>
      <c r="G12" s="92"/>
      <c r="H12" s="145"/>
      <c r="I12" s="162"/>
      <c r="J12" s="153"/>
      <c r="K12" s="153"/>
      <c r="L12" s="154"/>
      <c r="M12" s="148"/>
      <c r="N12" s="91"/>
      <c r="O12" s="91"/>
      <c r="P12" s="91"/>
      <c r="Q12" s="91"/>
      <c r="R12" s="91"/>
      <c r="S12" s="151" t="s">
        <v>7</v>
      </c>
      <c r="T12" s="92" t="s">
        <v>672</v>
      </c>
      <c r="U12" s="92"/>
      <c r="V12" s="175"/>
      <c r="W12" s="175" t="s">
        <v>25</v>
      </c>
      <c r="X12" s="92" t="s">
        <v>671</v>
      </c>
      <c r="Y12" s="92"/>
      <c r="Z12" s="431"/>
      <c r="AA12" s="431"/>
      <c r="AB12" s="431"/>
      <c r="AC12" s="431"/>
      <c r="AD12" s="431"/>
      <c r="AE12" s="431"/>
      <c r="AF12" s="92" t="s">
        <v>26</v>
      </c>
      <c r="AG12" s="251" t="s">
        <v>673</v>
      </c>
      <c r="AH12" s="146"/>
      <c r="AI12" s="92"/>
      <c r="AJ12" s="92"/>
      <c r="AK12" s="92"/>
      <c r="AL12" s="145"/>
      <c r="AM12" s="148"/>
      <c r="AN12" s="92"/>
      <c r="AO12" s="145"/>
    </row>
    <row r="13" spans="1:41" ht="15.75" customHeight="1" x14ac:dyDescent="0.15">
      <c r="A13" s="162"/>
      <c r="B13" s="232"/>
      <c r="C13" s="232"/>
      <c r="D13" s="233"/>
      <c r="E13" s="92"/>
      <c r="F13" s="92"/>
      <c r="G13" s="92"/>
      <c r="H13" s="145"/>
      <c r="I13" s="162"/>
      <c r="J13" s="153"/>
      <c r="K13" s="153"/>
      <c r="L13" s="154"/>
      <c r="M13" s="264"/>
      <c r="N13" s="129" t="s">
        <v>675</v>
      </c>
      <c r="O13" s="129"/>
      <c r="P13" s="129"/>
      <c r="Q13" s="298" t="s">
        <v>94</v>
      </c>
      <c r="R13" s="159" t="s">
        <v>7</v>
      </c>
      <c r="S13" s="129" t="s">
        <v>2</v>
      </c>
      <c r="T13" s="298" t="s">
        <v>25</v>
      </c>
      <c r="U13" s="129" t="s">
        <v>676</v>
      </c>
      <c r="V13" s="129"/>
      <c r="W13" s="469"/>
      <c r="X13" s="469"/>
      <c r="Y13" s="469"/>
      <c r="Z13" s="469"/>
      <c r="AA13" s="469"/>
      <c r="AB13" s="469"/>
      <c r="AC13" s="469"/>
      <c r="AD13" s="129" t="s">
        <v>26</v>
      </c>
      <c r="AE13" s="159" t="s">
        <v>7</v>
      </c>
      <c r="AF13" s="129" t="s">
        <v>677</v>
      </c>
      <c r="AG13" s="181" t="s">
        <v>673</v>
      </c>
      <c r="AH13" s="146"/>
      <c r="AI13" s="92"/>
      <c r="AJ13" s="92"/>
      <c r="AK13" s="92"/>
      <c r="AL13" s="145"/>
      <c r="AM13" s="148"/>
      <c r="AN13" s="92"/>
      <c r="AO13" s="145"/>
    </row>
    <row r="14" spans="1:41" ht="15.75" customHeight="1" x14ac:dyDescent="0.15">
      <c r="A14" s="162"/>
      <c r="B14" s="153"/>
      <c r="C14" s="153"/>
      <c r="D14" s="154"/>
      <c r="E14" s="92"/>
      <c r="F14" s="92"/>
      <c r="G14" s="92"/>
      <c r="H14" s="145"/>
      <c r="I14" s="162"/>
      <c r="J14" s="153"/>
      <c r="K14" s="153"/>
      <c r="L14" s="154"/>
      <c r="M14" s="155" t="s">
        <v>66</v>
      </c>
      <c r="N14" s="92" t="s">
        <v>679</v>
      </c>
      <c r="O14" s="92"/>
      <c r="P14" s="92"/>
      <c r="Q14" s="92"/>
      <c r="R14" s="92"/>
      <c r="S14" s="92"/>
      <c r="T14" s="175" t="s">
        <v>25</v>
      </c>
      <c r="U14" s="430"/>
      <c r="V14" s="430"/>
      <c r="W14" s="430"/>
      <c r="X14" s="430"/>
      <c r="Y14" s="430"/>
      <c r="Z14" s="430"/>
      <c r="AA14" s="430"/>
      <c r="AB14" s="430"/>
      <c r="AC14" s="430"/>
      <c r="AD14" s="430"/>
      <c r="AE14" s="430"/>
      <c r="AF14" s="92" t="s">
        <v>26</v>
      </c>
      <c r="AG14" s="152"/>
      <c r="AH14" s="334"/>
      <c r="AI14" s="91"/>
      <c r="AJ14" s="91"/>
      <c r="AK14" s="91"/>
      <c r="AL14" s="145"/>
      <c r="AM14" s="148"/>
      <c r="AN14" s="92"/>
      <c r="AO14" s="145"/>
    </row>
    <row r="15" spans="1:41" ht="15.75" customHeight="1" x14ac:dyDescent="0.15">
      <c r="A15" s="162"/>
      <c r="B15" s="153"/>
      <c r="C15" s="153"/>
      <c r="D15" s="154"/>
      <c r="E15" s="92"/>
      <c r="F15" s="92"/>
      <c r="G15" s="92"/>
      <c r="H15" s="145"/>
      <c r="I15" s="162"/>
      <c r="J15" s="153"/>
      <c r="K15" s="153"/>
      <c r="L15" s="154"/>
      <c r="M15" s="148"/>
      <c r="N15" s="92" t="s">
        <v>675</v>
      </c>
      <c r="O15" s="92"/>
      <c r="P15" s="92"/>
      <c r="Q15" s="175" t="s">
        <v>94</v>
      </c>
      <c r="R15" s="151" t="s">
        <v>7</v>
      </c>
      <c r="S15" s="92" t="s">
        <v>2</v>
      </c>
      <c r="T15" s="175" t="s">
        <v>25</v>
      </c>
      <c r="U15" s="92" t="s">
        <v>676</v>
      </c>
      <c r="V15" s="92"/>
      <c r="W15" s="456"/>
      <c r="X15" s="456"/>
      <c r="Y15" s="456"/>
      <c r="Z15" s="456"/>
      <c r="AA15" s="456"/>
      <c r="AB15" s="456"/>
      <c r="AC15" s="456"/>
      <c r="AD15" s="92" t="s">
        <v>26</v>
      </c>
      <c r="AE15" s="151" t="s">
        <v>7</v>
      </c>
      <c r="AF15" s="92" t="s">
        <v>677</v>
      </c>
      <c r="AG15" s="251" t="s">
        <v>673</v>
      </c>
      <c r="AH15" s="334"/>
      <c r="AI15" s="91"/>
      <c r="AJ15" s="91"/>
      <c r="AK15" s="91"/>
      <c r="AL15" s="145"/>
      <c r="AM15" s="148"/>
      <c r="AN15" s="92"/>
      <c r="AO15" s="145"/>
    </row>
    <row r="16" spans="1:41" ht="15.75" customHeight="1" x14ac:dyDescent="0.15">
      <c r="A16" s="148"/>
      <c r="B16" s="92"/>
      <c r="C16" s="92"/>
      <c r="D16" s="145"/>
      <c r="E16" s="437" t="s">
        <v>88</v>
      </c>
      <c r="F16" s="438"/>
      <c r="G16" s="438"/>
      <c r="H16" s="439"/>
      <c r="I16" s="437" t="s">
        <v>89</v>
      </c>
      <c r="J16" s="438"/>
      <c r="K16" s="438"/>
      <c r="L16" s="439"/>
      <c r="M16" s="134" t="s">
        <v>66</v>
      </c>
      <c r="N16" s="470" t="s">
        <v>90</v>
      </c>
      <c r="O16" s="470"/>
      <c r="P16" s="470"/>
      <c r="Q16" s="470"/>
      <c r="R16" s="470"/>
      <c r="S16" s="470"/>
      <c r="T16" s="470"/>
      <c r="U16" s="470"/>
      <c r="V16" s="206" t="s">
        <v>25</v>
      </c>
      <c r="W16" s="140" t="s">
        <v>7</v>
      </c>
      <c r="X16" s="206" t="s">
        <v>2</v>
      </c>
      <c r="Y16" s="114"/>
      <c r="Z16" s="140" t="s">
        <v>7</v>
      </c>
      <c r="AA16" s="206" t="s">
        <v>1</v>
      </c>
      <c r="AB16" s="206" t="s">
        <v>26</v>
      </c>
      <c r="AC16" s="206"/>
      <c r="AD16" s="206"/>
      <c r="AE16" s="206"/>
      <c r="AF16" s="206"/>
      <c r="AG16" s="217"/>
      <c r="AH16" s="138" t="s">
        <v>7</v>
      </c>
      <c r="AI16" s="98" t="s">
        <v>69</v>
      </c>
      <c r="AJ16" s="98"/>
      <c r="AK16" s="98"/>
      <c r="AL16" s="139"/>
      <c r="AM16" s="141"/>
      <c r="AN16" s="98"/>
      <c r="AO16" s="142"/>
    </row>
    <row r="17" spans="1:41" ht="15.75" customHeight="1" x14ac:dyDescent="0.15">
      <c r="A17" s="173"/>
      <c r="B17" s="153"/>
      <c r="C17" s="153"/>
      <c r="D17" s="154"/>
      <c r="E17" s="148"/>
      <c r="F17" s="92"/>
      <c r="G17" s="92"/>
      <c r="H17" s="145"/>
      <c r="I17" s="449" t="s">
        <v>91</v>
      </c>
      <c r="J17" s="450"/>
      <c r="K17" s="450"/>
      <c r="L17" s="451"/>
      <c r="M17" s="331" t="s">
        <v>66</v>
      </c>
      <c r="N17" s="125" t="s">
        <v>92</v>
      </c>
      <c r="O17" s="123"/>
      <c r="P17" s="122"/>
      <c r="Q17" s="122"/>
      <c r="R17" s="332" t="s">
        <v>25</v>
      </c>
      <c r="S17" s="467"/>
      <c r="T17" s="467"/>
      <c r="U17" s="467"/>
      <c r="V17" s="467"/>
      <c r="W17" s="467"/>
      <c r="X17" s="467"/>
      <c r="Y17" s="467"/>
      <c r="Z17" s="467"/>
      <c r="AA17" s="467"/>
      <c r="AB17" s="467"/>
      <c r="AC17" s="125" t="s">
        <v>26</v>
      </c>
      <c r="AD17" s="324"/>
      <c r="AE17" s="324"/>
      <c r="AF17" s="324"/>
      <c r="AG17" s="335"/>
      <c r="AH17" s="146" t="s">
        <v>7</v>
      </c>
      <c r="AI17" s="92" t="s">
        <v>75</v>
      </c>
      <c r="AJ17" s="92"/>
      <c r="AK17" s="92"/>
      <c r="AL17" s="147"/>
      <c r="AM17" s="148"/>
      <c r="AN17" s="92"/>
      <c r="AO17" s="145"/>
    </row>
    <row r="18" spans="1:41" ht="15.75" customHeight="1" x14ac:dyDescent="0.15">
      <c r="A18" s="148"/>
      <c r="B18" s="92"/>
      <c r="C18" s="92"/>
      <c r="D18" s="145"/>
      <c r="E18" s="164"/>
      <c r="F18" s="165"/>
      <c r="G18" s="165"/>
      <c r="H18" s="166"/>
      <c r="I18" s="164"/>
      <c r="J18" s="165"/>
      <c r="K18" s="165"/>
      <c r="L18" s="166"/>
      <c r="M18" s="212" t="s">
        <v>66</v>
      </c>
      <c r="N18" s="105" t="s">
        <v>93</v>
      </c>
      <c r="O18" s="116"/>
      <c r="P18" s="97"/>
      <c r="Q18" s="96" t="s">
        <v>94</v>
      </c>
      <c r="R18" s="126" t="s">
        <v>7</v>
      </c>
      <c r="S18" s="96" t="s">
        <v>2</v>
      </c>
      <c r="T18" s="298" t="s">
        <v>25</v>
      </c>
      <c r="U18" s="129" t="s">
        <v>676</v>
      </c>
      <c r="V18" s="129"/>
      <c r="W18" s="432"/>
      <c r="X18" s="432"/>
      <c r="Y18" s="432"/>
      <c r="Z18" s="432"/>
      <c r="AA18" s="432"/>
      <c r="AB18" s="432"/>
      <c r="AC18" s="129" t="s">
        <v>26</v>
      </c>
      <c r="AD18" s="96"/>
      <c r="AE18" s="126" t="s">
        <v>7</v>
      </c>
      <c r="AF18" s="105" t="s">
        <v>677</v>
      </c>
      <c r="AG18" s="191" t="s">
        <v>673</v>
      </c>
      <c r="AH18" s="167" t="s">
        <v>7</v>
      </c>
      <c r="AI18" s="105"/>
      <c r="AJ18" s="105"/>
      <c r="AK18" s="105"/>
      <c r="AL18" s="170"/>
      <c r="AM18" s="169"/>
      <c r="AN18" s="105"/>
      <c r="AO18" s="170"/>
    </row>
    <row r="19" spans="1:41" ht="15.75" customHeight="1" x14ac:dyDescent="0.15">
      <c r="A19" s="148"/>
      <c r="B19" s="92"/>
      <c r="C19" s="92"/>
      <c r="D19" s="145"/>
      <c r="E19" s="437" t="s">
        <v>108</v>
      </c>
      <c r="F19" s="438"/>
      <c r="G19" s="438"/>
      <c r="H19" s="439"/>
      <c r="I19" s="437" t="s">
        <v>680</v>
      </c>
      <c r="J19" s="438"/>
      <c r="K19" s="438"/>
      <c r="L19" s="439"/>
      <c r="M19" s="134" t="s">
        <v>66</v>
      </c>
      <c r="N19" s="208" t="s">
        <v>110</v>
      </c>
      <c r="O19" s="208"/>
      <c r="P19" s="208"/>
      <c r="Q19" s="206" t="s">
        <v>25</v>
      </c>
      <c r="R19" s="140" t="s">
        <v>7</v>
      </c>
      <c r="S19" s="208" t="s">
        <v>681</v>
      </c>
      <c r="T19" s="206"/>
      <c r="U19" s="206"/>
      <c r="V19" s="206"/>
      <c r="W19" s="140" t="s">
        <v>7</v>
      </c>
      <c r="X19" s="208" t="s">
        <v>682</v>
      </c>
      <c r="Y19" s="206"/>
      <c r="Z19" s="240"/>
      <c r="AA19" s="206"/>
      <c r="AB19" s="140" t="s">
        <v>7</v>
      </c>
      <c r="AC19" s="208" t="s">
        <v>0</v>
      </c>
      <c r="AD19" s="114"/>
      <c r="AE19" s="114"/>
      <c r="AF19" s="114"/>
      <c r="AG19" s="142" t="s">
        <v>26</v>
      </c>
      <c r="AH19" s="138" t="s">
        <v>7</v>
      </c>
      <c r="AI19" s="98" t="s">
        <v>69</v>
      </c>
      <c r="AJ19" s="98"/>
      <c r="AK19" s="98"/>
      <c r="AL19" s="139"/>
      <c r="AM19" s="141"/>
      <c r="AN19" s="98"/>
      <c r="AO19" s="142"/>
    </row>
    <row r="20" spans="1:41" ht="15.75" customHeight="1" x14ac:dyDescent="0.15">
      <c r="A20" s="148"/>
      <c r="B20" s="92"/>
      <c r="C20" s="92"/>
      <c r="D20" s="145"/>
      <c r="E20" s="164"/>
      <c r="F20" s="165"/>
      <c r="G20" s="165"/>
      <c r="H20" s="166"/>
      <c r="I20" s="164"/>
      <c r="J20" s="165"/>
      <c r="K20" s="165"/>
      <c r="L20" s="166"/>
      <c r="M20" s="212" t="s">
        <v>66</v>
      </c>
      <c r="N20" s="105" t="s">
        <v>683</v>
      </c>
      <c r="O20" s="116"/>
      <c r="P20" s="116"/>
      <c r="Q20" s="116"/>
      <c r="R20" s="96" t="s">
        <v>94</v>
      </c>
      <c r="S20" s="126" t="s">
        <v>7</v>
      </c>
      <c r="T20" s="96" t="s">
        <v>2</v>
      </c>
      <c r="U20" s="253" t="s">
        <v>25</v>
      </c>
      <c r="V20" s="105" t="s">
        <v>676</v>
      </c>
      <c r="W20" s="116"/>
      <c r="X20" s="468"/>
      <c r="Y20" s="468"/>
      <c r="Z20" s="468"/>
      <c r="AA20" s="468"/>
      <c r="AB20" s="468"/>
      <c r="AC20" s="105" t="s">
        <v>26</v>
      </c>
      <c r="AD20" s="96"/>
      <c r="AE20" s="126" t="s">
        <v>7</v>
      </c>
      <c r="AF20" s="105" t="s">
        <v>677</v>
      </c>
      <c r="AG20" s="191" t="s">
        <v>673</v>
      </c>
      <c r="AH20" s="167" t="s">
        <v>7</v>
      </c>
      <c r="AI20" s="105"/>
      <c r="AJ20" s="200"/>
      <c r="AK20" s="200"/>
      <c r="AL20" s="179"/>
      <c r="AM20" s="169"/>
      <c r="AN20" s="105"/>
      <c r="AO20" s="170"/>
    </row>
    <row r="21" spans="1:41" ht="15.75" customHeight="1" x14ac:dyDescent="0.15">
      <c r="A21" s="148"/>
      <c r="B21" s="92"/>
      <c r="C21" s="92"/>
      <c r="D21" s="145"/>
      <c r="E21" s="449" t="s">
        <v>96</v>
      </c>
      <c r="F21" s="450"/>
      <c r="G21" s="450"/>
      <c r="H21" s="451"/>
      <c r="I21" s="449" t="s">
        <v>97</v>
      </c>
      <c r="J21" s="450"/>
      <c r="K21" s="450"/>
      <c r="L21" s="451"/>
      <c r="M21" s="155" t="s">
        <v>66</v>
      </c>
      <c r="N21" s="103" t="s">
        <v>98</v>
      </c>
      <c r="O21" s="175"/>
      <c r="P21" s="91" t="s">
        <v>25</v>
      </c>
      <c r="Q21" s="151" t="s">
        <v>7</v>
      </c>
      <c r="R21" s="103" t="s">
        <v>99</v>
      </c>
      <c r="S21" s="103"/>
      <c r="T21" s="103"/>
      <c r="U21" s="103"/>
      <c r="V21" s="124"/>
      <c r="W21" s="151" t="s">
        <v>7</v>
      </c>
      <c r="X21" s="103" t="s">
        <v>100</v>
      </c>
      <c r="Y21" s="103"/>
      <c r="Z21" s="103"/>
      <c r="AA21" s="91"/>
      <c r="AB21" s="108"/>
      <c r="AC21" s="91"/>
      <c r="AD21" s="91"/>
      <c r="AE21" s="91"/>
      <c r="AF21" s="91"/>
      <c r="AG21" s="91"/>
      <c r="AH21" s="146" t="s">
        <v>7</v>
      </c>
      <c r="AI21" s="92" t="s">
        <v>69</v>
      </c>
      <c r="AJ21" s="92"/>
      <c r="AK21" s="92"/>
      <c r="AL21" s="147"/>
      <c r="AM21" s="148"/>
      <c r="AN21" s="92"/>
      <c r="AO21" s="145"/>
    </row>
    <row r="22" spans="1:41" ht="15.75" customHeight="1" x14ac:dyDescent="0.15">
      <c r="A22" s="148"/>
      <c r="B22" s="92"/>
      <c r="C22" s="92"/>
      <c r="D22" s="145"/>
      <c r="E22" s="449" t="s">
        <v>101</v>
      </c>
      <c r="F22" s="477"/>
      <c r="G22" s="477"/>
      <c r="H22" s="478"/>
      <c r="I22" s="449" t="s">
        <v>102</v>
      </c>
      <c r="J22" s="450"/>
      <c r="K22" s="450"/>
      <c r="L22" s="451"/>
      <c r="M22" s="155"/>
      <c r="N22" s="103"/>
      <c r="O22" s="103"/>
      <c r="P22" s="91"/>
      <c r="Q22" s="151" t="s">
        <v>7</v>
      </c>
      <c r="R22" s="103" t="s">
        <v>103</v>
      </c>
      <c r="S22" s="91"/>
      <c r="T22" s="103"/>
      <c r="U22" s="103"/>
      <c r="V22" s="91"/>
      <c r="W22" s="151" t="s">
        <v>7</v>
      </c>
      <c r="X22" s="103" t="s">
        <v>104</v>
      </c>
      <c r="Y22" s="103"/>
      <c r="Z22" s="103"/>
      <c r="AA22" s="103" t="s">
        <v>26</v>
      </c>
      <c r="AB22" s="103"/>
      <c r="AC22" s="103"/>
      <c r="AD22" s="103"/>
      <c r="AE22" s="103"/>
      <c r="AF22" s="103"/>
      <c r="AG22" s="152"/>
      <c r="AH22" s="146" t="s">
        <v>7</v>
      </c>
      <c r="AI22" s="92"/>
      <c r="AJ22" s="92"/>
      <c r="AK22" s="92"/>
      <c r="AL22" s="147"/>
      <c r="AM22" s="148"/>
      <c r="AN22" s="92"/>
      <c r="AO22" s="145"/>
    </row>
    <row r="23" spans="1:41" ht="15.75" customHeight="1" x14ac:dyDescent="0.15">
      <c r="A23" s="148"/>
      <c r="B23" s="92"/>
      <c r="C23" s="92"/>
      <c r="D23" s="145"/>
      <c r="E23" s="450"/>
      <c r="F23" s="450"/>
      <c r="G23" s="450"/>
      <c r="H23" s="451"/>
      <c r="I23" s="173"/>
      <c r="J23" s="103"/>
      <c r="K23" s="103"/>
      <c r="L23" s="103"/>
      <c r="M23" s="180"/>
      <c r="N23" s="128" t="s">
        <v>258</v>
      </c>
      <c r="O23" s="128"/>
      <c r="P23" s="128" t="s">
        <v>25</v>
      </c>
      <c r="Q23" s="432"/>
      <c r="R23" s="432"/>
      <c r="S23" s="432"/>
      <c r="T23" s="432"/>
      <c r="U23" s="432"/>
      <c r="V23" s="432"/>
      <c r="W23" s="432"/>
      <c r="X23" s="432"/>
      <c r="Y23" s="432"/>
      <c r="Z23" s="432"/>
      <c r="AA23" s="432"/>
      <c r="AB23" s="432"/>
      <c r="AC23" s="432"/>
      <c r="AD23" s="432"/>
      <c r="AE23" s="432"/>
      <c r="AF23" s="432"/>
      <c r="AG23" s="181" t="s">
        <v>26</v>
      </c>
      <c r="AH23" s="146"/>
      <c r="AI23" s="182"/>
      <c r="AJ23" s="182"/>
      <c r="AK23" s="182"/>
      <c r="AL23" s="145"/>
      <c r="AM23" s="148"/>
      <c r="AN23" s="92"/>
      <c r="AO23" s="145"/>
    </row>
    <row r="24" spans="1:41" ht="15.75" customHeight="1" x14ac:dyDescent="0.15">
      <c r="A24" s="148"/>
      <c r="B24" s="92"/>
      <c r="C24" s="92"/>
      <c r="D24" s="145"/>
      <c r="E24" s="92"/>
      <c r="F24" s="92"/>
      <c r="G24" s="92"/>
      <c r="H24" s="145"/>
      <c r="I24" s="173"/>
      <c r="J24" s="103"/>
      <c r="K24" s="103"/>
      <c r="L24" s="103"/>
      <c r="M24" s="155" t="s">
        <v>66</v>
      </c>
      <c r="N24" s="103" t="s">
        <v>106</v>
      </c>
      <c r="O24" s="103"/>
      <c r="P24" s="91" t="s">
        <v>25</v>
      </c>
      <c r="Q24" s="151" t="s">
        <v>7</v>
      </c>
      <c r="R24" s="183" t="s">
        <v>107</v>
      </c>
      <c r="S24" s="184"/>
      <c r="T24" s="184"/>
      <c r="U24" s="184"/>
      <c r="V24" s="184"/>
      <c r="W24" s="151" t="s">
        <v>7</v>
      </c>
      <c r="X24" s="103" t="s">
        <v>103</v>
      </c>
      <c r="Y24" s="91"/>
      <c r="Z24" s="103"/>
      <c r="AA24" s="103"/>
      <c r="AB24" s="91"/>
      <c r="AC24" s="103"/>
      <c r="AD24" s="103"/>
      <c r="AE24" s="103"/>
      <c r="AF24" s="103"/>
      <c r="AG24" s="152"/>
      <c r="AH24" s="146"/>
      <c r="AI24" s="156"/>
      <c r="AJ24" s="92"/>
      <c r="AK24" s="92"/>
      <c r="AL24" s="147"/>
      <c r="AM24" s="148"/>
      <c r="AN24" s="92"/>
      <c r="AO24" s="145"/>
    </row>
    <row r="25" spans="1:41" ht="15.75" customHeight="1" x14ac:dyDescent="0.15">
      <c r="A25" s="148"/>
      <c r="B25" s="92"/>
      <c r="C25" s="92"/>
      <c r="D25" s="145"/>
      <c r="E25" s="92"/>
      <c r="F25" s="92"/>
      <c r="G25" s="92"/>
      <c r="H25" s="145"/>
      <c r="I25" s="173"/>
      <c r="J25" s="103"/>
      <c r="K25" s="103"/>
      <c r="L25" s="103"/>
      <c r="M25" s="155"/>
      <c r="N25" s="103"/>
      <c r="O25" s="103"/>
      <c r="P25" s="91"/>
      <c r="Q25" s="151" t="s">
        <v>7</v>
      </c>
      <c r="R25" s="103" t="s">
        <v>104</v>
      </c>
      <c r="S25" s="103"/>
      <c r="T25" s="103"/>
      <c r="U25" s="103" t="s">
        <v>26</v>
      </c>
      <c r="V25" s="184"/>
      <c r="W25" s="103"/>
      <c r="X25" s="103"/>
      <c r="Y25" s="91"/>
      <c r="Z25" s="103"/>
      <c r="AA25" s="103"/>
      <c r="AB25" s="91"/>
      <c r="AC25" s="103"/>
      <c r="AD25" s="103"/>
      <c r="AE25" s="103"/>
      <c r="AF25" s="103"/>
      <c r="AG25" s="152"/>
      <c r="AH25" s="334"/>
      <c r="AI25" s="92"/>
      <c r="AJ25" s="92"/>
      <c r="AK25" s="92"/>
      <c r="AL25" s="157"/>
      <c r="AM25" s="148"/>
      <c r="AN25" s="92"/>
      <c r="AO25" s="145"/>
    </row>
    <row r="26" spans="1:41" ht="15.75" customHeight="1" x14ac:dyDescent="0.15">
      <c r="A26" s="185"/>
      <c r="B26" s="186"/>
      <c r="C26" s="186"/>
      <c r="D26" s="187"/>
      <c r="E26" s="105"/>
      <c r="F26" s="105"/>
      <c r="G26" s="105"/>
      <c r="H26" s="170"/>
      <c r="I26" s="164"/>
      <c r="J26" s="165"/>
      <c r="K26" s="165"/>
      <c r="L26" s="166"/>
      <c r="M26" s="188"/>
      <c r="N26" s="189" t="s">
        <v>105</v>
      </c>
      <c r="O26" s="189"/>
      <c r="P26" s="189" t="s">
        <v>25</v>
      </c>
      <c r="Q26" s="471"/>
      <c r="R26" s="471"/>
      <c r="S26" s="471"/>
      <c r="T26" s="471"/>
      <c r="U26" s="471"/>
      <c r="V26" s="471"/>
      <c r="W26" s="471"/>
      <c r="X26" s="471"/>
      <c r="Y26" s="471"/>
      <c r="Z26" s="471"/>
      <c r="AA26" s="471"/>
      <c r="AB26" s="471"/>
      <c r="AC26" s="471"/>
      <c r="AD26" s="471"/>
      <c r="AE26" s="190"/>
      <c r="AF26" s="190"/>
      <c r="AG26" s="191" t="s">
        <v>26</v>
      </c>
      <c r="AH26" s="336"/>
      <c r="AI26" s="105"/>
      <c r="AJ26" s="105"/>
      <c r="AK26" s="105"/>
      <c r="AL26" s="170"/>
      <c r="AM26" s="169"/>
      <c r="AN26" s="105"/>
      <c r="AO26" s="170"/>
    </row>
    <row r="27" spans="1:41" ht="15.75" customHeight="1" x14ac:dyDescent="0.15">
      <c r="A27" s="148"/>
      <c r="B27" s="92"/>
      <c r="C27" s="92"/>
      <c r="D27" s="145"/>
      <c r="E27" s="437" t="s">
        <v>118</v>
      </c>
      <c r="F27" s="438"/>
      <c r="G27" s="438"/>
      <c r="H27" s="439"/>
      <c r="I27" s="437" t="s">
        <v>118</v>
      </c>
      <c r="J27" s="438"/>
      <c r="K27" s="438"/>
      <c r="L27" s="438"/>
      <c r="M27" s="134" t="s">
        <v>66</v>
      </c>
      <c r="N27" s="208" t="s">
        <v>119</v>
      </c>
      <c r="O27" s="208"/>
      <c r="P27" s="208"/>
      <c r="Q27" s="208"/>
      <c r="R27" s="208"/>
      <c r="S27" s="208"/>
      <c r="T27" s="208"/>
      <c r="U27" s="208"/>
      <c r="V27" s="206"/>
      <c r="W27" s="240"/>
      <c r="X27" s="240"/>
      <c r="Y27" s="114"/>
      <c r="Z27" s="114"/>
      <c r="AA27" s="114"/>
      <c r="AB27" s="114"/>
      <c r="AC27" s="114"/>
      <c r="AD27" s="114"/>
      <c r="AE27" s="114"/>
      <c r="AF27" s="114"/>
      <c r="AG27" s="114"/>
      <c r="AH27" s="138" t="s">
        <v>7</v>
      </c>
      <c r="AI27" s="98" t="s">
        <v>69</v>
      </c>
      <c r="AJ27" s="98"/>
      <c r="AK27" s="98"/>
      <c r="AL27" s="139"/>
      <c r="AM27" s="141"/>
      <c r="AN27" s="98"/>
      <c r="AO27" s="142"/>
    </row>
    <row r="28" spans="1:41" ht="15.75" customHeight="1" x14ac:dyDescent="0.15">
      <c r="A28" s="148"/>
      <c r="B28" s="92"/>
      <c r="C28" s="92"/>
      <c r="D28" s="145"/>
      <c r="E28" s="162"/>
      <c r="F28" s="153"/>
      <c r="G28" s="153"/>
      <c r="H28" s="154"/>
      <c r="I28" s="162"/>
      <c r="J28" s="153"/>
      <c r="K28" s="153"/>
      <c r="L28" s="153"/>
      <c r="M28" s="197"/>
      <c r="N28" s="175" t="s">
        <v>25</v>
      </c>
      <c r="O28" s="472"/>
      <c r="P28" s="472"/>
      <c r="Q28" s="472"/>
      <c r="R28" s="472"/>
      <c r="S28" s="472"/>
      <c r="T28" s="472"/>
      <c r="U28" s="472"/>
      <c r="V28" s="472"/>
      <c r="W28" s="472"/>
      <c r="X28" s="472"/>
      <c r="Y28" s="472"/>
      <c r="Z28" s="472"/>
      <c r="AA28" s="472"/>
      <c r="AB28" s="472"/>
      <c r="AC28" s="472"/>
      <c r="AD28" s="472"/>
      <c r="AE28" s="472"/>
      <c r="AF28" s="101" t="s">
        <v>120</v>
      </c>
      <c r="AG28" s="92" t="s">
        <v>26</v>
      </c>
      <c r="AH28" s="146" t="s">
        <v>7</v>
      </c>
      <c r="AI28" s="156" t="s">
        <v>122</v>
      </c>
      <c r="AJ28" s="182"/>
      <c r="AK28" s="92"/>
      <c r="AL28" s="147"/>
      <c r="AM28" s="148"/>
      <c r="AN28" s="92"/>
      <c r="AO28" s="145"/>
    </row>
    <row r="29" spans="1:41" ht="15.75" customHeight="1" x14ac:dyDescent="0.15">
      <c r="A29" s="148"/>
      <c r="B29" s="92"/>
      <c r="C29" s="92"/>
      <c r="D29" s="145"/>
      <c r="E29" s="164"/>
      <c r="F29" s="165"/>
      <c r="G29" s="165"/>
      <c r="H29" s="166"/>
      <c r="I29" s="164"/>
      <c r="J29" s="165"/>
      <c r="K29" s="165"/>
      <c r="L29" s="165"/>
      <c r="M29" s="107"/>
      <c r="N29" s="95"/>
      <c r="O29" s="95"/>
      <c r="P29" s="95"/>
      <c r="Q29" s="95"/>
      <c r="R29" s="95"/>
      <c r="S29" s="95"/>
      <c r="T29" s="95"/>
      <c r="U29" s="95"/>
      <c r="V29" s="95"/>
      <c r="W29" s="95"/>
      <c r="X29" s="95"/>
      <c r="Y29" s="95"/>
      <c r="Z29" s="95"/>
      <c r="AA29" s="95"/>
      <c r="AB29" s="95"/>
      <c r="AC29" s="95"/>
      <c r="AD29" s="95"/>
      <c r="AE29" s="95"/>
      <c r="AF29" s="95"/>
      <c r="AG29" s="95"/>
      <c r="AH29" s="167" t="s">
        <v>7</v>
      </c>
      <c r="AI29" s="200"/>
      <c r="AJ29" s="200"/>
      <c r="AK29" s="200"/>
      <c r="AL29" s="170"/>
      <c r="AM29" s="169"/>
      <c r="AN29" s="105"/>
      <c r="AO29" s="170"/>
    </row>
    <row r="30" spans="1:41" ht="15.75" customHeight="1" x14ac:dyDescent="0.15">
      <c r="A30" s="148"/>
      <c r="B30" s="92"/>
      <c r="C30" s="92"/>
      <c r="D30" s="145"/>
      <c r="E30" s="450" t="s">
        <v>684</v>
      </c>
      <c r="F30" s="450"/>
      <c r="G30" s="450"/>
      <c r="H30" s="451"/>
      <c r="I30" s="473" t="s">
        <v>685</v>
      </c>
      <c r="J30" s="474"/>
      <c r="K30" s="474"/>
      <c r="L30" s="475"/>
      <c r="M30" s="102" t="s">
        <v>66</v>
      </c>
      <c r="N30" s="92" t="s">
        <v>126</v>
      </c>
      <c r="O30" s="92"/>
      <c r="P30" s="175"/>
      <c r="Q30" s="175" t="s">
        <v>94</v>
      </c>
      <c r="R30" s="151" t="s">
        <v>7</v>
      </c>
      <c r="S30" s="103" t="s">
        <v>130</v>
      </c>
      <c r="T30" s="91"/>
      <c r="U30" s="91"/>
      <c r="V30" s="91"/>
      <c r="W30" s="109" t="s">
        <v>25</v>
      </c>
      <c r="X30" s="92" t="s">
        <v>135</v>
      </c>
      <c r="Y30" s="91"/>
      <c r="Z30" s="476"/>
      <c r="AA30" s="476"/>
      <c r="AB30" s="476"/>
      <c r="AC30" s="476"/>
      <c r="AD30" s="476"/>
      <c r="AE30" s="101" t="s">
        <v>120</v>
      </c>
      <c r="AF30" s="110" t="s">
        <v>26</v>
      </c>
      <c r="AG30" s="104"/>
      <c r="AH30" s="146" t="s">
        <v>7</v>
      </c>
      <c r="AI30" s="92" t="s">
        <v>686</v>
      </c>
      <c r="AJ30" s="92"/>
      <c r="AK30" s="92"/>
      <c r="AL30" s="147"/>
      <c r="AM30" s="148"/>
      <c r="AN30" s="92"/>
      <c r="AO30" s="145"/>
    </row>
    <row r="31" spans="1:41" ht="15.75" customHeight="1" x14ac:dyDescent="0.15">
      <c r="A31" s="148"/>
      <c r="B31" s="92"/>
      <c r="C31" s="92"/>
      <c r="D31" s="145"/>
      <c r="E31" s="450" t="s">
        <v>687</v>
      </c>
      <c r="F31" s="450"/>
      <c r="G31" s="450"/>
      <c r="H31" s="451"/>
      <c r="I31" s="149"/>
      <c r="J31" s="91"/>
      <c r="K31" s="91"/>
      <c r="L31" s="104"/>
      <c r="M31" s="103"/>
      <c r="N31" s="103"/>
      <c r="O31" s="103"/>
      <c r="P31" s="103"/>
      <c r="Q31" s="103"/>
      <c r="R31" s="151" t="s">
        <v>7</v>
      </c>
      <c r="S31" s="103" t="s">
        <v>133</v>
      </c>
      <c r="T31" s="92"/>
      <c r="U31" s="156"/>
      <c r="V31" s="156"/>
      <c r="W31" s="109" t="s">
        <v>25</v>
      </c>
      <c r="X31" s="92" t="s">
        <v>135</v>
      </c>
      <c r="Y31" s="91"/>
      <c r="Z31" s="479"/>
      <c r="AA31" s="479"/>
      <c r="AB31" s="479"/>
      <c r="AC31" s="479"/>
      <c r="AD31" s="479"/>
      <c r="AE31" s="101" t="s">
        <v>120</v>
      </c>
      <c r="AF31" s="110" t="s">
        <v>26</v>
      </c>
      <c r="AG31" s="251" t="s">
        <v>673</v>
      </c>
      <c r="AH31" s="146" t="s">
        <v>7</v>
      </c>
      <c r="AI31" s="92" t="s">
        <v>69</v>
      </c>
      <c r="AJ31" s="92"/>
      <c r="AK31" s="92"/>
      <c r="AL31" s="147"/>
      <c r="AM31" s="148"/>
      <c r="AN31" s="92"/>
      <c r="AO31" s="145"/>
    </row>
    <row r="32" spans="1:41" ht="15.75" customHeight="1" x14ac:dyDescent="0.15">
      <c r="A32" s="148"/>
      <c r="B32" s="92"/>
      <c r="C32" s="92"/>
      <c r="D32" s="145"/>
      <c r="E32" s="91"/>
      <c r="F32" s="91"/>
      <c r="G32" s="91"/>
      <c r="H32" s="91"/>
      <c r="I32" s="219"/>
      <c r="J32" s="116"/>
      <c r="K32" s="116"/>
      <c r="L32" s="106"/>
      <c r="M32" s="102"/>
      <c r="N32" s="92" t="s">
        <v>688</v>
      </c>
      <c r="O32" s="103"/>
      <c r="P32" s="91"/>
      <c r="Q32" s="156"/>
      <c r="R32" s="156"/>
      <c r="S32" s="156"/>
      <c r="T32" s="156"/>
      <c r="U32" s="156"/>
      <c r="V32" s="156"/>
      <c r="W32" s="109" t="s">
        <v>25</v>
      </c>
      <c r="X32" s="480"/>
      <c r="Y32" s="480"/>
      <c r="Z32" s="480"/>
      <c r="AA32" s="480"/>
      <c r="AB32" s="480"/>
      <c r="AC32" s="480"/>
      <c r="AD32" s="480"/>
      <c r="AE32" s="480"/>
      <c r="AF32" s="110" t="s">
        <v>26</v>
      </c>
      <c r="AG32" s="104"/>
      <c r="AH32" s="146" t="s">
        <v>7</v>
      </c>
      <c r="AI32" s="92" t="s">
        <v>132</v>
      </c>
      <c r="AJ32" s="92"/>
      <c r="AK32" s="92"/>
      <c r="AL32" s="145"/>
      <c r="AM32" s="148"/>
      <c r="AN32" s="92"/>
      <c r="AO32" s="145"/>
    </row>
    <row r="33" spans="1:41" ht="15.75" customHeight="1" x14ac:dyDescent="0.15">
      <c r="A33" s="148"/>
      <c r="B33" s="92"/>
      <c r="C33" s="92"/>
      <c r="D33" s="145"/>
      <c r="E33" s="162"/>
      <c r="F33" s="153"/>
      <c r="G33" s="153"/>
      <c r="H33" s="154"/>
      <c r="I33" s="437" t="s">
        <v>689</v>
      </c>
      <c r="J33" s="438"/>
      <c r="K33" s="438"/>
      <c r="L33" s="438"/>
      <c r="M33" s="138" t="s">
        <v>7</v>
      </c>
      <c r="N33" s="98" t="s">
        <v>139</v>
      </c>
      <c r="O33" s="98"/>
      <c r="P33" s="98"/>
      <c r="Q33" s="207"/>
      <c r="R33" s="207" t="s">
        <v>144</v>
      </c>
      <c r="S33" s="208" t="s">
        <v>141</v>
      </c>
      <c r="T33" s="208"/>
      <c r="U33" s="114"/>
      <c r="V33" s="206"/>
      <c r="W33" s="208"/>
      <c r="X33" s="481"/>
      <c r="Y33" s="453"/>
      <c r="Z33" s="453"/>
      <c r="AA33" s="453"/>
      <c r="AB33" s="453"/>
      <c r="AC33" s="453"/>
      <c r="AD33" s="453"/>
      <c r="AE33" s="453"/>
      <c r="AF33" s="98" t="s">
        <v>120</v>
      </c>
      <c r="AG33" s="262" t="s">
        <v>112</v>
      </c>
      <c r="AH33" s="151" t="s">
        <v>7</v>
      </c>
      <c r="AI33" s="92" t="s">
        <v>122</v>
      </c>
      <c r="AJ33" s="92"/>
      <c r="AK33" s="92"/>
      <c r="AL33" s="157"/>
      <c r="AM33" s="148"/>
      <c r="AN33" s="92"/>
      <c r="AO33" s="145"/>
    </row>
    <row r="34" spans="1:41" ht="15.75" customHeight="1" x14ac:dyDescent="0.15">
      <c r="A34" s="148"/>
      <c r="B34" s="92"/>
      <c r="C34" s="92"/>
      <c r="D34" s="145"/>
      <c r="E34" s="148"/>
      <c r="F34" s="92"/>
      <c r="G34" s="92"/>
      <c r="H34" s="92"/>
      <c r="I34" s="148"/>
      <c r="J34" s="92"/>
      <c r="K34" s="92"/>
      <c r="L34" s="92"/>
      <c r="M34" s="155"/>
      <c r="N34" s="92"/>
      <c r="O34" s="92"/>
      <c r="P34" s="92"/>
      <c r="Q34" s="175"/>
      <c r="R34" s="175" t="s">
        <v>144</v>
      </c>
      <c r="S34" s="103" t="s">
        <v>145</v>
      </c>
      <c r="T34" s="91"/>
      <c r="U34" s="91"/>
      <c r="V34" s="479"/>
      <c r="W34" s="479"/>
      <c r="X34" s="479"/>
      <c r="Y34" s="431" t="s">
        <v>690</v>
      </c>
      <c r="Z34" s="431"/>
      <c r="AA34" s="431"/>
      <c r="AB34" s="479"/>
      <c r="AC34" s="479"/>
      <c r="AD34" s="479"/>
      <c r="AE34" s="479"/>
      <c r="AF34" s="92" t="s">
        <v>120</v>
      </c>
      <c r="AG34" s="251" t="s">
        <v>112</v>
      </c>
      <c r="AH34" s="151" t="s">
        <v>7</v>
      </c>
      <c r="AI34" s="182"/>
      <c r="AJ34" s="182"/>
      <c r="AK34" s="182"/>
      <c r="AL34" s="210"/>
      <c r="AM34" s="148"/>
      <c r="AN34" s="92"/>
      <c r="AO34" s="145"/>
    </row>
    <row r="35" spans="1:41" ht="15.75" customHeight="1" x14ac:dyDescent="0.15">
      <c r="A35" s="148"/>
      <c r="B35" s="92"/>
      <c r="C35" s="92"/>
      <c r="D35" s="145"/>
      <c r="E35" s="169"/>
      <c r="F35" s="105"/>
      <c r="G35" s="105"/>
      <c r="H35" s="105"/>
      <c r="I35" s="169"/>
      <c r="J35" s="105"/>
      <c r="K35" s="105"/>
      <c r="L35" s="105"/>
      <c r="M35" s="167" t="s">
        <v>7</v>
      </c>
      <c r="N35" s="105" t="s">
        <v>149</v>
      </c>
      <c r="O35" s="105"/>
      <c r="P35" s="105"/>
      <c r="Q35" s="96"/>
      <c r="R35" s="253" t="s">
        <v>144</v>
      </c>
      <c r="S35" s="97" t="s">
        <v>691</v>
      </c>
      <c r="T35" s="116"/>
      <c r="U35" s="127"/>
      <c r="V35" s="468"/>
      <c r="W35" s="468"/>
      <c r="X35" s="468"/>
      <c r="Y35" s="105" t="s">
        <v>692</v>
      </c>
      <c r="Z35" s="105"/>
      <c r="AA35" s="96"/>
      <c r="AB35" s="116"/>
      <c r="AC35" s="468"/>
      <c r="AD35" s="468"/>
      <c r="AE35" s="468"/>
      <c r="AF35" s="105" t="s">
        <v>153</v>
      </c>
      <c r="AG35" s="191" t="s">
        <v>112</v>
      </c>
      <c r="AH35" s="126"/>
      <c r="AI35" s="200"/>
      <c r="AJ35" s="200"/>
      <c r="AK35" s="200"/>
      <c r="AL35" s="213"/>
      <c r="AM35" s="169"/>
      <c r="AN35" s="105"/>
      <c r="AO35" s="170"/>
    </row>
    <row r="36" spans="1:41" ht="15.75" customHeight="1" x14ac:dyDescent="0.15">
      <c r="A36" s="148"/>
      <c r="B36" s="92"/>
      <c r="C36" s="92"/>
      <c r="D36" s="145"/>
      <c r="E36" s="437" t="s">
        <v>154</v>
      </c>
      <c r="F36" s="438"/>
      <c r="G36" s="438"/>
      <c r="H36" s="439"/>
      <c r="I36" s="437" t="s">
        <v>155</v>
      </c>
      <c r="J36" s="438"/>
      <c r="K36" s="438"/>
      <c r="L36" s="439"/>
      <c r="M36" s="134" t="s">
        <v>66</v>
      </c>
      <c r="N36" s="208" t="s">
        <v>159</v>
      </c>
      <c r="O36" s="208"/>
      <c r="P36" s="208"/>
      <c r="Q36" s="208"/>
      <c r="R36" s="207" t="s">
        <v>25</v>
      </c>
      <c r="S36" s="98" t="s">
        <v>160</v>
      </c>
      <c r="T36" s="98"/>
      <c r="U36" s="206"/>
      <c r="V36" s="453"/>
      <c r="W36" s="453"/>
      <c r="X36" s="453"/>
      <c r="Y36" s="114"/>
      <c r="Z36" s="98" t="s">
        <v>161</v>
      </c>
      <c r="AA36" s="206"/>
      <c r="AB36" s="206"/>
      <c r="AC36" s="453"/>
      <c r="AD36" s="453"/>
      <c r="AE36" s="453"/>
      <c r="AF36" s="206" t="s">
        <v>112</v>
      </c>
      <c r="AG36" s="114"/>
      <c r="AH36" s="138" t="s">
        <v>7</v>
      </c>
      <c r="AI36" s="98" t="s">
        <v>69</v>
      </c>
      <c r="AJ36" s="98"/>
      <c r="AK36" s="98"/>
      <c r="AL36" s="139"/>
      <c r="AM36" s="141"/>
      <c r="AN36" s="98"/>
      <c r="AO36" s="142"/>
    </row>
    <row r="37" spans="1:41" ht="15.75" customHeight="1" x14ac:dyDescent="0.15">
      <c r="A37" s="148"/>
      <c r="B37" s="92"/>
      <c r="C37" s="92"/>
      <c r="D37" s="145"/>
      <c r="E37" s="449" t="s">
        <v>157</v>
      </c>
      <c r="F37" s="477"/>
      <c r="G37" s="477"/>
      <c r="H37" s="478"/>
      <c r="I37" s="449" t="s">
        <v>158</v>
      </c>
      <c r="J37" s="450"/>
      <c r="K37" s="450"/>
      <c r="L37" s="451"/>
      <c r="M37" s="155" t="s">
        <v>66</v>
      </c>
      <c r="N37" s="103" t="s">
        <v>163</v>
      </c>
      <c r="O37" s="91"/>
      <c r="P37" s="91"/>
      <c r="Q37" s="103"/>
      <c r="R37" s="175"/>
      <c r="S37" s="92"/>
      <c r="T37" s="92"/>
      <c r="U37" s="102"/>
      <c r="V37" s="102"/>
      <c r="W37" s="102"/>
      <c r="X37" s="102"/>
      <c r="Y37" s="92"/>
      <c r="Z37" s="102"/>
      <c r="AA37" s="102"/>
      <c r="AB37" s="102"/>
      <c r="AC37" s="102"/>
      <c r="AD37" s="102"/>
      <c r="AE37" s="102"/>
      <c r="AF37" s="91"/>
      <c r="AG37" s="104"/>
      <c r="AH37" s="146" t="s">
        <v>7</v>
      </c>
      <c r="AI37" s="92" t="s">
        <v>162</v>
      </c>
      <c r="AJ37" s="182"/>
      <c r="AK37" s="182"/>
      <c r="AL37" s="147"/>
      <c r="AM37" s="148"/>
      <c r="AN37" s="92"/>
      <c r="AO37" s="145"/>
    </row>
    <row r="38" spans="1:41" ht="15.75" customHeight="1" x14ac:dyDescent="0.15">
      <c r="A38" s="148"/>
      <c r="B38" s="92"/>
      <c r="C38" s="92"/>
      <c r="D38" s="145"/>
      <c r="E38" s="164"/>
      <c r="F38" s="325"/>
      <c r="G38" s="325"/>
      <c r="H38" s="326"/>
      <c r="I38" s="164"/>
      <c r="J38" s="165"/>
      <c r="K38" s="165"/>
      <c r="L38" s="166"/>
      <c r="M38" s="212"/>
      <c r="N38" s="116"/>
      <c r="O38" s="97"/>
      <c r="P38" s="97"/>
      <c r="Q38" s="97"/>
      <c r="R38" s="253" t="s">
        <v>25</v>
      </c>
      <c r="S38" s="456"/>
      <c r="T38" s="456"/>
      <c r="U38" s="456"/>
      <c r="V38" s="456"/>
      <c r="W38" s="456"/>
      <c r="X38" s="456"/>
      <c r="Y38" s="456"/>
      <c r="Z38" s="456"/>
      <c r="AA38" s="456"/>
      <c r="AB38" s="456"/>
      <c r="AC38" s="456"/>
      <c r="AD38" s="456"/>
      <c r="AE38" s="456"/>
      <c r="AF38" s="96" t="s">
        <v>112</v>
      </c>
      <c r="AG38" s="116"/>
      <c r="AH38" s="167" t="s">
        <v>7</v>
      </c>
      <c r="AI38" s="238"/>
      <c r="AJ38" s="105"/>
      <c r="AK38" s="105"/>
      <c r="AL38" s="170"/>
      <c r="AM38" s="169"/>
      <c r="AN38" s="105"/>
      <c r="AO38" s="170"/>
    </row>
    <row r="39" spans="1:41" ht="15.75" customHeight="1" x14ac:dyDescent="0.15">
      <c r="A39" s="148"/>
      <c r="B39" s="92"/>
      <c r="C39" s="92"/>
      <c r="D39" s="92"/>
      <c r="E39" s="449" t="s">
        <v>693</v>
      </c>
      <c r="F39" s="450"/>
      <c r="G39" s="450"/>
      <c r="H39" s="451"/>
      <c r="I39" s="449" t="s">
        <v>694</v>
      </c>
      <c r="J39" s="450"/>
      <c r="K39" s="450"/>
      <c r="L39" s="451"/>
      <c r="M39" s="155" t="s">
        <v>66</v>
      </c>
      <c r="N39" s="92" t="s">
        <v>167</v>
      </c>
      <c r="O39" s="103"/>
      <c r="P39" s="92"/>
      <c r="Q39" s="102"/>
      <c r="R39" s="103"/>
      <c r="S39" s="103"/>
      <c r="T39" s="103"/>
      <c r="U39" s="102" t="s">
        <v>168</v>
      </c>
      <c r="V39" s="103"/>
      <c r="W39" s="175" t="s">
        <v>25</v>
      </c>
      <c r="X39" s="151"/>
      <c r="Y39" s="151" t="s">
        <v>7</v>
      </c>
      <c r="Z39" s="103" t="s">
        <v>2</v>
      </c>
      <c r="AA39" s="102"/>
      <c r="AB39" s="151"/>
      <c r="AC39" s="151" t="s">
        <v>7</v>
      </c>
      <c r="AD39" s="103" t="s">
        <v>695</v>
      </c>
      <c r="AE39" s="102"/>
      <c r="AF39" s="102"/>
      <c r="AG39" s="110" t="s">
        <v>26</v>
      </c>
      <c r="AH39" s="146" t="s">
        <v>7</v>
      </c>
      <c r="AI39" s="92" t="s">
        <v>69</v>
      </c>
      <c r="AJ39" s="92"/>
      <c r="AK39" s="92"/>
      <c r="AL39" s="147"/>
      <c r="AM39" s="148"/>
      <c r="AN39" s="92"/>
      <c r="AO39" s="145"/>
    </row>
    <row r="40" spans="1:41" ht="15.75" customHeight="1" x14ac:dyDescent="0.15">
      <c r="A40" s="148"/>
      <c r="B40" s="92"/>
      <c r="C40" s="92"/>
      <c r="D40" s="92"/>
      <c r="E40" s="449" t="s">
        <v>696</v>
      </c>
      <c r="F40" s="450"/>
      <c r="G40" s="450"/>
      <c r="H40" s="451"/>
      <c r="I40" s="449" t="s">
        <v>166</v>
      </c>
      <c r="J40" s="450"/>
      <c r="K40" s="450"/>
      <c r="L40" s="451"/>
      <c r="M40" s="155" t="s">
        <v>66</v>
      </c>
      <c r="N40" s="92" t="s">
        <v>171</v>
      </c>
      <c r="O40" s="92"/>
      <c r="P40" s="103"/>
      <c r="Q40" s="103"/>
      <c r="R40" s="103"/>
      <c r="S40" s="103"/>
      <c r="T40" s="103"/>
      <c r="U40" s="103"/>
      <c r="V40" s="103"/>
      <c r="W40" s="175" t="s">
        <v>25</v>
      </c>
      <c r="X40" s="431"/>
      <c r="Y40" s="431"/>
      <c r="Z40" s="431"/>
      <c r="AA40" s="431"/>
      <c r="AB40" s="431"/>
      <c r="AC40" s="431"/>
      <c r="AD40" s="431"/>
      <c r="AE40" s="431"/>
      <c r="AF40" s="92" t="s">
        <v>120</v>
      </c>
      <c r="AG40" s="110" t="s">
        <v>26</v>
      </c>
      <c r="AH40" s="146" t="s">
        <v>7</v>
      </c>
      <c r="AI40" s="92" t="s">
        <v>162</v>
      </c>
      <c r="AJ40" s="182"/>
      <c r="AK40" s="182"/>
      <c r="AL40" s="147"/>
      <c r="AM40" s="148"/>
      <c r="AN40" s="92"/>
      <c r="AO40" s="145"/>
    </row>
    <row r="41" spans="1:41" ht="15.75" customHeight="1" x14ac:dyDescent="0.15">
      <c r="A41" s="149"/>
      <c r="B41" s="91"/>
      <c r="C41" s="91"/>
      <c r="D41" s="91"/>
      <c r="E41" s="148"/>
      <c r="F41" s="92"/>
      <c r="G41" s="92"/>
      <c r="H41" s="145"/>
      <c r="I41" s="449" t="s">
        <v>697</v>
      </c>
      <c r="J41" s="450"/>
      <c r="K41" s="450"/>
      <c r="L41" s="451"/>
      <c r="M41" s="155" t="s">
        <v>66</v>
      </c>
      <c r="N41" s="92" t="s">
        <v>174</v>
      </c>
      <c r="O41" s="103"/>
      <c r="P41" s="92"/>
      <c r="Q41" s="102"/>
      <c r="R41" s="92"/>
      <c r="S41" s="92"/>
      <c r="T41" s="103"/>
      <c r="U41" s="102" t="s">
        <v>168</v>
      </c>
      <c r="V41" s="103"/>
      <c r="W41" s="175" t="s">
        <v>25</v>
      </c>
      <c r="X41" s="102"/>
      <c r="Y41" s="151" t="s">
        <v>7</v>
      </c>
      <c r="Z41" s="103" t="s">
        <v>2</v>
      </c>
      <c r="AA41" s="102"/>
      <c r="AB41" s="151"/>
      <c r="AC41" s="151" t="s">
        <v>7</v>
      </c>
      <c r="AD41" s="103" t="s">
        <v>695</v>
      </c>
      <c r="AE41" s="102"/>
      <c r="AF41" s="102"/>
      <c r="AG41" s="110" t="s">
        <v>26</v>
      </c>
      <c r="AH41" s="146" t="s">
        <v>7</v>
      </c>
      <c r="AI41" s="92"/>
      <c r="AJ41" s="92"/>
      <c r="AK41" s="92"/>
      <c r="AL41" s="145"/>
      <c r="AM41" s="148"/>
      <c r="AN41" s="92"/>
      <c r="AO41" s="145"/>
    </row>
    <row r="42" spans="1:41" ht="15.75" customHeight="1" x14ac:dyDescent="0.15">
      <c r="A42" s="98" t="s">
        <v>180</v>
      </c>
      <c r="B42" s="114"/>
      <c r="C42" s="114"/>
      <c r="D42" s="114"/>
      <c r="E42" s="98"/>
      <c r="F42" s="98"/>
      <c r="G42" s="98"/>
      <c r="H42" s="98"/>
      <c r="I42" s="98"/>
      <c r="J42" s="98"/>
      <c r="K42" s="98"/>
      <c r="L42" s="98"/>
      <c r="M42" s="207"/>
      <c r="N42" s="140"/>
      <c r="O42" s="98"/>
      <c r="P42" s="208"/>
      <c r="Q42" s="208"/>
      <c r="R42" s="208"/>
      <c r="S42" s="208"/>
      <c r="T42" s="206"/>
      <c r="U42" s="208"/>
      <c r="V42" s="208"/>
      <c r="W42" s="206"/>
      <c r="X42" s="240"/>
      <c r="Y42" s="240"/>
      <c r="Z42" s="240"/>
      <c r="AA42" s="240"/>
      <c r="AB42" s="240"/>
      <c r="AC42" s="240"/>
      <c r="AD42" s="240"/>
      <c r="AE42" s="240"/>
      <c r="AF42" s="240"/>
      <c r="AG42" s="206"/>
      <c r="AH42" s="140"/>
      <c r="AI42" s="98"/>
      <c r="AJ42" s="98"/>
      <c r="AK42" s="98"/>
      <c r="AL42" s="98"/>
      <c r="AM42" s="98"/>
      <c r="AN42" s="98"/>
      <c r="AO42" s="98"/>
    </row>
    <row r="43" spans="1:41" ht="15.75" customHeight="1" x14ac:dyDescent="0.15">
      <c r="A43" s="92"/>
      <c r="B43" s="91"/>
      <c r="C43" s="91"/>
      <c r="D43" s="91"/>
      <c r="E43" s="92"/>
      <c r="F43" s="92"/>
      <c r="G43" s="92"/>
      <c r="H43" s="92"/>
      <c r="I43" s="92"/>
      <c r="J43" s="92"/>
      <c r="K43" s="92"/>
      <c r="L43" s="92"/>
      <c r="M43" s="175"/>
      <c r="N43" s="151"/>
      <c r="O43" s="92"/>
      <c r="P43" s="103"/>
      <c r="Q43" s="103"/>
      <c r="R43" s="103"/>
      <c r="S43" s="103"/>
      <c r="T43" s="102"/>
      <c r="U43" s="103"/>
      <c r="V43" s="103"/>
      <c r="W43" s="102"/>
      <c r="X43" s="156"/>
      <c r="Y43" s="156"/>
      <c r="Z43" s="156"/>
      <c r="AA43" s="156"/>
      <c r="AB43" s="156"/>
      <c r="AC43" s="156"/>
      <c r="AD43" s="156"/>
      <c r="AE43" s="156"/>
      <c r="AF43" s="156"/>
      <c r="AG43" s="102"/>
      <c r="AH43" s="151"/>
      <c r="AI43" s="92"/>
      <c r="AJ43" s="92"/>
      <c r="AK43" s="92"/>
      <c r="AL43" s="92"/>
      <c r="AM43" s="92"/>
      <c r="AN43" s="92"/>
      <c r="AO43" s="92"/>
    </row>
    <row r="44" spans="1:41" ht="15.75" customHeight="1" x14ac:dyDescent="0.15">
      <c r="A44" s="452" t="s">
        <v>55</v>
      </c>
      <c r="B44" s="453"/>
      <c r="C44" s="453"/>
      <c r="D44" s="454"/>
      <c r="E44" s="437" t="s">
        <v>56</v>
      </c>
      <c r="F44" s="438"/>
      <c r="G44" s="438"/>
      <c r="H44" s="439"/>
      <c r="I44" s="458" t="s">
        <v>57</v>
      </c>
      <c r="J44" s="459"/>
      <c r="K44" s="459"/>
      <c r="L44" s="459"/>
      <c r="M44" s="459"/>
      <c r="N44" s="459"/>
      <c r="O44" s="459"/>
      <c r="P44" s="459"/>
      <c r="Q44" s="459"/>
      <c r="R44" s="459"/>
      <c r="S44" s="459"/>
      <c r="T44" s="459"/>
      <c r="U44" s="459"/>
      <c r="V44" s="459"/>
      <c r="W44" s="459"/>
      <c r="X44" s="459"/>
      <c r="Y44" s="459"/>
      <c r="Z44" s="459"/>
      <c r="AA44" s="459"/>
      <c r="AB44" s="459"/>
      <c r="AC44" s="459"/>
      <c r="AD44" s="459"/>
      <c r="AE44" s="133"/>
      <c r="AF44" s="133"/>
      <c r="AG44" s="133" t="s">
        <v>58</v>
      </c>
      <c r="AH44" s="452" t="s">
        <v>59</v>
      </c>
      <c r="AI44" s="453"/>
      <c r="AJ44" s="453"/>
      <c r="AK44" s="453"/>
      <c r="AL44" s="454"/>
      <c r="AM44" s="452" t="s">
        <v>60</v>
      </c>
      <c r="AN44" s="453"/>
      <c r="AO44" s="454"/>
    </row>
    <row r="45" spans="1:41" ht="15.75" customHeight="1" x14ac:dyDescent="0.15">
      <c r="A45" s="455"/>
      <c r="B45" s="456"/>
      <c r="C45" s="456"/>
      <c r="D45" s="457"/>
      <c r="E45" s="461" t="s">
        <v>61</v>
      </c>
      <c r="F45" s="462"/>
      <c r="G45" s="462"/>
      <c r="H45" s="463"/>
      <c r="I45" s="464" t="s">
        <v>61</v>
      </c>
      <c r="J45" s="465"/>
      <c r="K45" s="465"/>
      <c r="L45" s="466"/>
      <c r="M45" s="452" t="s">
        <v>60</v>
      </c>
      <c r="N45" s="453"/>
      <c r="O45" s="453"/>
      <c r="P45" s="453"/>
      <c r="Q45" s="453"/>
      <c r="R45" s="453"/>
      <c r="S45" s="453"/>
      <c r="T45" s="453"/>
      <c r="U45" s="453"/>
      <c r="V45" s="453"/>
      <c r="W45" s="453"/>
      <c r="X45" s="453"/>
      <c r="Y45" s="453"/>
      <c r="Z45" s="453"/>
      <c r="AA45" s="453"/>
      <c r="AB45" s="453"/>
      <c r="AC45" s="453"/>
      <c r="AD45" s="453"/>
      <c r="AE45" s="453"/>
      <c r="AF45" s="453"/>
      <c r="AG45" s="453"/>
      <c r="AH45" s="455"/>
      <c r="AI45" s="456"/>
      <c r="AJ45" s="456"/>
      <c r="AK45" s="456"/>
      <c r="AL45" s="457"/>
      <c r="AM45" s="455" t="s">
        <v>62</v>
      </c>
      <c r="AN45" s="456"/>
      <c r="AO45" s="457"/>
    </row>
    <row r="46" spans="1:41" ht="15.75" customHeight="1" x14ac:dyDescent="0.15">
      <c r="A46" s="482" t="s">
        <v>181</v>
      </c>
      <c r="B46" s="483"/>
      <c r="C46" s="483"/>
      <c r="D46" s="484"/>
      <c r="E46" s="437" t="s">
        <v>183</v>
      </c>
      <c r="F46" s="438"/>
      <c r="G46" s="438"/>
      <c r="H46" s="439"/>
      <c r="I46" s="437" t="s">
        <v>698</v>
      </c>
      <c r="J46" s="438"/>
      <c r="K46" s="438"/>
      <c r="L46" s="438"/>
      <c r="M46" s="138" t="s">
        <v>7</v>
      </c>
      <c r="N46" s="98" t="s">
        <v>699</v>
      </c>
      <c r="O46" s="98"/>
      <c r="P46" s="207"/>
      <c r="Q46" s="98"/>
      <c r="R46" s="98"/>
      <c r="S46" s="98"/>
      <c r="T46" s="98"/>
      <c r="U46" s="98"/>
      <c r="V46" s="140" t="s">
        <v>7</v>
      </c>
      <c r="W46" s="98" t="s">
        <v>700</v>
      </c>
      <c r="X46" s="98"/>
      <c r="Y46" s="98"/>
      <c r="Z46" s="98"/>
      <c r="AA46" s="98"/>
      <c r="AB46" s="98"/>
      <c r="AC46" s="98"/>
      <c r="AD46" s="98"/>
      <c r="AE46" s="98"/>
      <c r="AF46" s="98"/>
      <c r="AG46" s="142"/>
      <c r="AH46" s="140" t="s">
        <v>7</v>
      </c>
      <c r="AI46" s="220" t="s">
        <v>185</v>
      </c>
      <c r="AJ46" s="98"/>
      <c r="AK46" s="98"/>
      <c r="AL46" s="221"/>
      <c r="AM46" s="141"/>
      <c r="AN46" s="98"/>
      <c r="AO46" s="142"/>
    </row>
    <row r="47" spans="1:41" ht="15.75" customHeight="1" x14ac:dyDescent="0.15">
      <c r="A47" s="222"/>
      <c r="B47" s="223"/>
      <c r="C47" s="223"/>
      <c r="D47" s="224"/>
      <c r="E47" s="155"/>
      <c r="F47" s="102"/>
      <c r="G47" s="102"/>
      <c r="H47" s="152"/>
      <c r="I47" s="449" t="s">
        <v>701</v>
      </c>
      <c r="J47" s="450"/>
      <c r="K47" s="450"/>
      <c r="L47" s="450"/>
      <c r="M47" s="146" t="s">
        <v>7</v>
      </c>
      <c r="N47" s="92" t="s">
        <v>702</v>
      </c>
      <c r="O47" s="92"/>
      <c r="P47" s="175"/>
      <c r="Q47" s="92"/>
      <c r="R47" s="92"/>
      <c r="S47" s="92"/>
      <c r="T47" s="92"/>
      <c r="U47" s="92"/>
      <c r="V47" s="92"/>
      <c r="W47" s="92"/>
      <c r="X47" s="92"/>
      <c r="Y47" s="92"/>
      <c r="Z47" s="92"/>
      <c r="AA47" s="92"/>
      <c r="AB47" s="92"/>
      <c r="AC47" s="92"/>
      <c r="AD47" s="92"/>
      <c r="AE47" s="92"/>
      <c r="AF47" s="92"/>
      <c r="AG47" s="145"/>
      <c r="AH47" s="151" t="s">
        <v>7</v>
      </c>
      <c r="AI47" s="225"/>
      <c r="AJ47" s="183"/>
      <c r="AK47" s="183"/>
      <c r="AL47" s="183"/>
      <c r="AM47" s="148"/>
      <c r="AN47" s="92"/>
      <c r="AO47" s="145"/>
    </row>
    <row r="48" spans="1:41" ht="15.75" customHeight="1" x14ac:dyDescent="0.15">
      <c r="A48" s="146"/>
      <c r="B48" s="337"/>
      <c r="C48" s="337"/>
      <c r="D48" s="338"/>
      <c r="E48" s="155"/>
      <c r="F48" s="102"/>
      <c r="G48" s="102"/>
      <c r="H48" s="152"/>
      <c r="I48" s="449" t="s">
        <v>703</v>
      </c>
      <c r="J48" s="450"/>
      <c r="K48" s="450"/>
      <c r="L48" s="450"/>
      <c r="M48" s="146" t="s">
        <v>7</v>
      </c>
      <c r="N48" s="92" t="s">
        <v>704</v>
      </c>
      <c r="O48" s="226"/>
      <c r="P48" s="92"/>
      <c r="Q48" s="102"/>
      <c r="R48" s="156"/>
      <c r="S48" s="156"/>
      <c r="T48" s="156"/>
      <c r="U48" s="92"/>
      <c r="V48" s="92"/>
      <c r="W48" s="92"/>
      <c r="X48" s="92"/>
      <c r="Y48" s="92"/>
      <c r="Z48" s="92"/>
      <c r="AA48" s="92"/>
      <c r="AB48" s="92"/>
      <c r="AC48" s="92"/>
      <c r="AD48" s="92"/>
      <c r="AE48" s="92"/>
      <c r="AF48" s="92"/>
      <c r="AG48" s="145"/>
      <c r="AH48" s="151"/>
      <c r="AI48" s="92"/>
      <c r="AJ48" s="92"/>
      <c r="AK48" s="92"/>
      <c r="AL48" s="124"/>
      <c r="AM48" s="148"/>
      <c r="AN48" s="92"/>
      <c r="AO48" s="145"/>
    </row>
    <row r="49" spans="1:41" ht="15.75" customHeight="1" x14ac:dyDescent="0.15">
      <c r="A49" s="222"/>
      <c r="B49" s="337"/>
      <c r="C49" s="337"/>
      <c r="D49" s="338"/>
      <c r="E49" s="212"/>
      <c r="F49" s="96"/>
      <c r="G49" s="96"/>
      <c r="H49" s="259"/>
      <c r="I49" s="164"/>
      <c r="J49" s="165"/>
      <c r="K49" s="165"/>
      <c r="L49" s="165"/>
      <c r="M49" s="167" t="s">
        <v>7</v>
      </c>
      <c r="N49" s="105" t="s">
        <v>0</v>
      </c>
      <c r="O49" s="105"/>
      <c r="P49" s="339" t="s">
        <v>25</v>
      </c>
      <c r="Q49" s="471"/>
      <c r="R49" s="471"/>
      <c r="S49" s="471"/>
      <c r="T49" s="471"/>
      <c r="U49" s="471"/>
      <c r="V49" s="471"/>
      <c r="W49" s="471"/>
      <c r="X49" s="471"/>
      <c r="Y49" s="471"/>
      <c r="Z49" s="471"/>
      <c r="AA49" s="471"/>
      <c r="AB49" s="471"/>
      <c r="AC49" s="471"/>
      <c r="AD49" s="471"/>
      <c r="AE49" s="471"/>
      <c r="AF49" s="471"/>
      <c r="AG49" s="191" t="s">
        <v>26</v>
      </c>
      <c r="AH49" s="126"/>
      <c r="AI49" s="105"/>
      <c r="AJ49" s="105"/>
      <c r="AK49" s="105"/>
      <c r="AL49" s="118"/>
      <c r="AM49" s="169"/>
      <c r="AN49" s="105"/>
      <c r="AO49" s="170"/>
    </row>
    <row r="50" spans="1:41" ht="15.75" customHeight="1" x14ac:dyDescent="0.15">
      <c r="A50" s="234"/>
      <c r="B50" s="91"/>
      <c r="C50" s="91"/>
      <c r="D50" s="91"/>
      <c r="E50" s="486" t="s">
        <v>204</v>
      </c>
      <c r="F50" s="487"/>
      <c r="G50" s="487"/>
      <c r="H50" s="488"/>
      <c r="I50" s="449" t="s">
        <v>205</v>
      </c>
      <c r="J50" s="450"/>
      <c r="K50" s="450"/>
      <c r="L50" s="451"/>
      <c r="M50" s="148" t="s">
        <v>206</v>
      </c>
      <c r="N50" s="92"/>
      <c r="O50" s="194" t="s">
        <v>25</v>
      </c>
      <c r="P50" s="480"/>
      <c r="Q50" s="480"/>
      <c r="R50" s="480"/>
      <c r="S50" s="480"/>
      <c r="T50" s="194" t="s">
        <v>26</v>
      </c>
      <c r="U50" s="194"/>
      <c r="V50" s="194"/>
      <c r="W50" s="480" t="s">
        <v>207</v>
      </c>
      <c r="X50" s="480"/>
      <c r="Y50" s="102" t="s">
        <v>25</v>
      </c>
      <c r="Z50" s="431"/>
      <c r="AA50" s="431"/>
      <c r="AB50" s="431"/>
      <c r="AC50" s="431"/>
      <c r="AD50" s="102" t="s">
        <v>26</v>
      </c>
      <c r="AE50" s="102"/>
      <c r="AF50" s="102"/>
      <c r="AG50" s="152"/>
      <c r="AH50" s="146" t="s">
        <v>7</v>
      </c>
      <c r="AI50" s="92" t="s">
        <v>208</v>
      </c>
      <c r="AJ50" s="92"/>
      <c r="AK50" s="92"/>
      <c r="AL50" s="151"/>
      <c r="AM50" s="148"/>
      <c r="AN50" s="92"/>
      <c r="AO50" s="145"/>
    </row>
    <row r="51" spans="1:41" ht="15.75" customHeight="1" x14ac:dyDescent="0.15">
      <c r="A51" s="234"/>
      <c r="B51" s="91"/>
      <c r="C51" s="91"/>
      <c r="D51" s="91"/>
      <c r="E51" s="227"/>
      <c r="F51" s="132"/>
      <c r="G51" s="132"/>
      <c r="H51" s="228"/>
      <c r="I51" s="461" t="s">
        <v>209</v>
      </c>
      <c r="J51" s="462"/>
      <c r="K51" s="462"/>
      <c r="L51" s="463"/>
      <c r="M51" s="169" t="s">
        <v>206</v>
      </c>
      <c r="N51" s="105"/>
      <c r="O51" s="190" t="s">
        <v>25</v>
      </c>
      <c r="P51" s="471"/>
      <c r="Q51" s="471"/>
      <c r="R51" s="471"/>
      <c r="S51" s="471"/>
      <c r="T51" s="190" t="s">
        <v>26</v>
      </c>
      <c r="U51" s="190"/>
      <c r="V51" s="190"/>
      <c r="W51" s="471" t="s">
        <v>207</v>
      </c>
      <c r="X51" s="471"/>
      <c r="Y51" s="96" t="s">
        <v>25</v>
      </c>
      <c r="Z51" s="456"/>
      <c r="AA51" s="456"/>
      <c r="AB51" s="456"/>
      <c r="AC51" s="456"/>
      <c r="AD51" s="96" t="s">
        <v>26</v>
      </c>
      <c r="AE51" s="96"/>
      <c r="AF51" s="96"/>
      <c r="AG51" s="259"/>
      <c r="AH51" s="146" t="s">
        <v>7</v>
      </c>
      <c r="AI51" s="92" t="s">
        <v>210</v>
      </c>
      <c r="AJ51" s="92"/>
      <c r="AK51" s="92"/>
      <c r="AL51" s="151"/>
      <c r="AM51" s="148"/>
      <c r="AN51" s="92"/>
      <c r="AO51" s="145"/>
    </row>
    <row r="52" spans="1:41" ht="15.75" customHeight="1" x14ac:dyDescent="0.15">
      <c r="A52" s="234"/>
      <c r="B52" s="91"/>
      <c r="C52" s="91"/>
      <c r="D52" s="91"/>
      <c r="E52" s="227"/>
      <c r="F52" s="132"/>
      <c r="G52" s="132"/>
      <c r="H52" s="228"/>
      <c r="I52" s="437" t="s">
        <v>211</v>
      </c>
      <c r="J52" s="438"/>
      <c r="K52" s="438"/>
      <c r="L52" s="439"/>
      <c r="M52" s="141" t="s">
        <v>206</v>
      </c>
      <c r="N52" s="98"/>
      <c r="O52" s="239" t="s">
        <v>25</v>
      </c>
      <c r="P52" s="485"/>
      <c r="Q52" s="485"/>
      <c r="R52" s="485"/>
      <c r="S52" s="485"/>
      <c r="T52" s="239" t="s">
        <v>26</v>
      </c>
      <c r="U52" s="239"/>
      <c r="V52" s="239"/>
      <c r="W52" s="485" t="s">
        <v>207</v>
      </c>
      <c r="X52" s="485"/>
      <c r="Y52" s="206" t="s">
        <v>25</v>
      </c>
      <c r="Z52" s="453"/>
      <c r="AA52" s="453"/>
      <c r="AB52" s="453"/>
      <c r="AC52" s="453"/>
      <c r="AD52" s="206" t="s">
        <v>26</v>
      </c>
      <c r="AE52" s="102"/>
      <c r="AF52" s="102"/>
      <c r="AG52" s="152"/>
      <c r="AH52" s="146" t="s">
        <v>7</v>
      </c>
      <c r="AI52" s="92" t="s">
        <v>69</v>
      </c>
      <c r="AJ52" s="92"/>
      <c r="AK52" s="92"/>
      <c r="AL52" s="92"/>
      <c r="AM52" s="148"/>
      <c r="AN52" s="92"/>
      <c r="AO52" s="145"/>
    </row>
    <row r="53" spans="1:41" ht="15.75" customHeight="1" x14ac:dyDescent="0.15">
      <c r="A53" s="234"/>
      <c r="B53" s="91"/>
      <c r="C53" s="91"/>
      <c r="D53" s="91"/>
      <c r="E53" s="227"/>
      <c r="F53" s="132"/>
      <c r="G53" s="132"/>
      <c r="H53" s="228"/>
      <c r="I53" s="169"/>
      <c r="J53" s="105"/>
      <c r="K53" s="105"/>
      <c r="L53" s="170"/>
      <c r="M53" s="169" t="s">
        <v>212</v>
      </c>
      <c r="N53" s="105"/>
      <c r="O53" s="190" t="s">
        <v>25</v>
      </c>
      <c r="P53" s="471"/>
      <c r="Q53" s="471"/>
      <c r="R53" s="471"/>
      <c r="S53" s="471"/>
      <c r="T53" s="190" t="s">
        <v>26</v>
      </c>
      <c r="U53" s="190"/>
      <c r="V53" s="190"/>
      <c r="W53" s="190"/>
      <c r="X53" s="190"/>
      <c r="Y53" s="96"/>
      <c r="Z53" s="96"/>
      <c r="AA53" s="96"/>
      <c r="AB53" s="96"/>
      <c r="AC53" s="96"/>
      <c r="AD53" s="96"/>
      <c r="AE53" s="96"/>
      <c r="AF53" s="96"/>
      <c r="AG53" s="259"/>
      <c r="AH53" s="146" t="s">
        <v>7</v>
      </c>
      <c r="AI53" s="156"/>
      <c r="AJ53" s="92"/>
      <c r="AK53" s="92"/>
      <c r="AL53" s="151"/>
      <c r="AM53" s="148"/>
      <c r="AN53" s="92"/>
      <c r="AO53" s="145"/>
    </row>
    <row r="54" spans="1:41" ht="15.75" customHeight="1" x14ac:dyDescent="0.15">
      <c r="A54" s="234"/>
      <c r="B54" s="91"/>
      <c r="C54" s="91"/>
      <c r="D54" s="91"/>
      <c r="E54" s="227"/>
      <c r="F54" s="132"/>
      <c r="G54" s="132"/>
      <c r="H54" s="228"/>
      <c r="I54" s="437" t="s">
        <v>213</v>
      </c>
      <c r="J54" s="438"/>
      <c r="K54" s="438"/>
      <c r="L54" s="439"/>
      <c r="M54" s="141" t="s">
        <v>206</v>
      </c>
      <c r="N54" s="98"/>
      <c r="O54" s="239" t="s">
        <v>25</v>
      </c>
      <c r="P54" s="485"/>
      <c r="Q54" s="485"/>
      <c r="R54" s="485"/>
      <c r="S54" s="485"/>
      <c r="T54" s="485"/>
      <c r="U54" s="485"/>
      <c r="V54" s="485"/>
      <c r="W54" s="485"/>
      <c r="X54" s="485"/>
      <c r="Y54" s="485"/>
      <c r="Z54" s="485"/>
      <c r="AA54" s="206" t="s">
        <v>26</v>
      </c>
      <c r="AB54" s="206"/>
      <c r="AC54" s="206"/>
      <c r="AD54" s="206"/>
      <c r="AE54" s="102"/>
      <c r="AF54" s="102"/>
      <c r="AG54" s="152"/>
      <c r="AH54" s="334"/>
      <c r="AI54" s="92"/>
      <c r="AJ54" s="92"/>
      <c r="AK54" s="92"/>
      <c r="AL54" s="124"/>
      <c r="AM54" s="148"/>
      <c r="AN54" s="92"/>
      <c r="AO54" s="145"/>
    </row>
    <row r="55" spans="1:41" ht="15.75" customHeight="1" x14ac:dyDescent="0.15">
      <c r="A55" s="234"/>
      <c r="B55" s="91"/>
      <c r="C55" s="91"/>
      <c r="D55" s="91"/>
      <c r="E55" s="227"/>
      <c r="F55" s="132"/>
      <c r="G55" s="132"/>
      <c r="H55" s="228"/>
      <c r="I55" s="148"/>
      <c r="J55" s="92"/>
      <c r="K55" s="92"/>
      <c r="L55" s="145"/>
      <c r="M55" s="148" t="s">
        <v>214</v>
      </c>
      <c r="N55" s="92"/>
      <c r="O55" s="92"/>
      <c r="P55" s="102" t="s">
        <v>25</v>
      </c>
      <c r="Q55" s="480"/>
      <c r="R55" s="480"/>
      <c r="S55" s="480"/>
      <c r="T55" s="480"/>
      <c r="U55" s="194" t="s">
        <v>215</v>
      </c>
      <c r="V55" s="194"/>
      <c r="W55" s="480" t="s">
        <v>216</v>
      </c>
      <c r="X55" s="480"/>
      <c r="Y55" s="102" t="s">
        <v>25</v>
      </c>
      <c r="Z55" s="431"/>
      <c r="AA55" s="431"/>
      <c r="AB55" s="102" t="s">
        <v>26</v>
      </c>
      <c r="AC55" s="102"/>
      <c r="AD55" s="102"/>
      <c r="AE55" s="102"/>
      <c r="AF55" s="102"/>
      <c r="AG55" s="152"/>
      <c r="AH55" s="329"/>
      <c r="AI55" s="91"/>
      <c r="AJ55" s="91"/>
      <c r="AK55" s="91"/>
      <c r="AL55" s="91"/>
      <c r="AM55" s="148"/>
      <c r="AN55" s="92"/>
      <c r="AO55" s="145"/>
    </row>
    <row r="56" spans="1:41" ht="15.75" customHeight="1" x14ac:dyDescent="0.15">
      <c r="A56" s="234"/>
      <c r="B56" s="91"/>
      <c r="C56" s="91"/>
      <c r="D56" s="91"/>
      <c r="E56" s="235"/>
      <c r="F56" s="117"/>
      <c r="G56" s="117"/>
      <c r="H56" s="236"/>
      <c r="I56" s="169"/>
      <c r="J56" s="105"/>
      <c r="K56" s="105"/>
      <c r="L56" s="170"/>
      <c r="M56" s="169" t="s">
        <v>705</v>
      </c>
      <c r="N56" s="105"/>
      <c r="O56" s="105"/>
      <c r="P56" s="190" t="s">
        <v>25</v>
      </c>
      <c r="Q56" s="471"/>
      <c r="R56" s="471"/>
      <c r="S56" s="471"/>
      <c r="T56" s="190" t="s">
        <v>26</v>
      </c>
      <c r="U56" s="190"/>
      <c r="V56" s="190"/>
      <c r="W56" s="471" t="s">
        <v>218</v>
      </c>
      <c r="X56" s="471"/>
      <c r="Y56" s="96" t="s">
        <v>25</v>
      </c>
      <c r="Z56" s="456"/>
      <c r="AA56" s="456"/>
      <c r="AB56" s="456"/>
      <c r="AC56" s="96" t="s">
        <v>215</v>
      </c>
      <c r="AD56" s="96"/>
      <c r="AE56" s="96"/>
      <c r="AF56" s="96"/>
      <c r="AG56" s="259"/>
      <c r="AH56" s="167"/>
      <c r="AI56" s="105"/>
      <c r="AJ56" s="105"/>
      <c r="AK56" s="105"/>
      <c r="AL56" s="105"/>
      <c r="AM56" s="169"/>
      <c r="AN56" s="105"/>
      <c r="AO56" s="170"/>
    </row>
    <row r="57" spans="1:41" ht="15.75" customHeight="1" x14ac:dyDescent="0.15">
      <c r="A57" s="234"/>
      <c r="B57" s="91"/>
      <c r="C57" s="91"/>
      <c r="D57" s="91"/>
      <c r="E57" s="486" t="s">
        <v>219</v>
      </c>
      <c r="F57" s="487"/>
      <c r="G57" s="487"/>
      <c r="H57" s="488"/>
      <c r="I57" s="437" t="s">
        <v>220</v>
      </c>
      <c r="J57" s="438"/>
      <c r="K57" s="438"/>
      <c r="L57" s="439"/>
      <c r="M57" s="141" t="s">
        <v>206</v>
      </c>
      <c r="N57" s="98"/>
      <c r="O57" s="239" t="s">
        <v>25</v>
      </c>
      <c r="P57" s="485"/>
      <c r="Q57" s="485"/>
      <c r="R57" s="485"/>
      <c r="S57" s="485"/>
      <c r="T57" s="239" t="s">
        <v>26</v>
      </c>
      <c r="U57" s="239"/>
      <c r="V57" s="239"/>
      <c r="W57" s="485" t="s">
        <v>207</v>
      </c>
      <c r="X57" s="485"/>
      <c r="Y57" s="206" t="s">
        <v>25</v>
      </c>
      <c r="Z57" s="453"/>
      <c r="AA57" s="453"/>
      <c r="AB57" s="453"/>
      <c r="AC57" s="453"/>
      <c r="AD57" s="206" t="s">
        <v>26</v>
      </c>
      <c r="AE57" s="206"/>
      <c r="AF57" s="206"/>
      <c r="AG57" s="217"/>
      <c r="AH57" s="146" t="s">
        <v>7</v>
      </c>
      <c r="AI57" s="98" t="s">
        <v>208</v>
      </c>
      <c r="AJ57" s="98"/>
      <c r="AK57" s="98"/>
      <c r="AL57" s="151"/>
      <c r="AM57" s="148"/>
      <c r="AN57" s="92"/>
      <c r="AO57" s="145"/>
    </row>
    <row r="58" spans="1:41" ht="15.75" customHeight="1" x14ac:dyDescent="0.15">
      <c r="A58" s="234"/>
      <c r="B58" s="91"/>
      <c r="C58" s="91"/>
      <c r="D58" s="91"/>
      <c r="E58" s="203"/>
      <c r="F58" s="204"/>
      <c r="G58" s="204"/>
      <c r="H58" s="205"/>
      <c r="I58" s="461" t="s">
        <v>221</v>
      </c>
      <c r="J58" s="462"/>
      <c r="K58" s="462"/>
      <c r="L58" s="463"/>
      <c r="M58" s="169" t="s">
        <v>212</v>
      </c>
      <c r="N58" s="105"/>
      <c r="O58" s="190" t="s">
        <v>25</v>
      </c>
      <c r="P58" s="471"/>
      <c r="Q58" s="471"/>
      <c r="R58" s="471"/>
      <c r="S58" s="471"/>
      <c r="T58" s="190" t="s">
        <v>26</v>
      </c>
      <c r="U58" s="190"/>
      <c r="V58" s="190"/>
      <c r="W58" s="190"/>
      <c r="X58" s="190"/>
      <c r="Y58" s="96"/>
      <c r="Z58" s="96"/>
      <c r="AA58" s="96"/>
      <c r="AB58" s="96"/>
      <c r="AC58" s="96"/>
      <c r="AD58" s="96"/>
      <c r="AE58" s="96"/>
      <c r="AF58" s="96"/>
      <c r="AG58" s="259"/>
      <c r="AH58" s="146" t="s">
        <v>7</v>
      </c>
      <c r="AI58" s="92" t="s">
        <v>210</v>
      </c>
      <c r="AJ58" s="92"/>
      <c r="AK58" s="92"/>
      <c r="AL58" s="151"/>
      <c r="AM58" s="148"/>
      <c r="AN58" s="92"/>
      <c r="AO58" s="145"/>
    </row>
    <row r="59" spans="1:41" ht="15.75" customHeight="1" x14ac:dyDescent="0.15">
      <c r="A59" s="234"/>
      <c r="B59" s="91"/>
      <c r="C59" s="91"/>
      <c r="D59" s="91"/>
      <c r="E59" s="227"/>
      <c r="F59" s="132"/>
      <c r="G59" s="132"/>
      <c r="H59" s="228"/>
      <c r="I59" s="437" t="s">
        <v>213</v>
      </c>
      <c r="J59" s="438"/>
      <c r="K59" s="438"/>
      <c r="L59" s="439"/>
      <c r="M59" s="148" t="s">
        <v>206</v>
      </c>
      <c r="N59" s="92"/>
      <c r="O59" s="194" t="s">
        <v>25</v>
      </c>
      <c r="P59" s="480"/>
      <c r="Q59" s="480"/>
      <c r="R59" s="480"/>
      <c r="S59" s="480"/>
      <c r="T59" s="480"/>
      <c r="U59" s="480"/>
      <c r="V59" s="480"/>
      <c r="W59" s="480"/>
      <c r="X59" s="480"/>
      <c r="Y59" s="480"/>
      <c r="Z59" s="480"/>
      <c r="AA59" s="102" t="s">
        <v>26</v>
      </c>
      <c r="AB59" s="102"/>
      <c r="AC59" s="102"/>
      <c r="AD59" s="102"/>
      <c r="AE59" s="102"/>
      <c r="AF59" s="102"/>
      <c r="AG59" s="152"/>
      <c r="AH59" s="146" t="s">
        <v>7</v>
      </c>
      <c r="AI59" s="92" t="s">
        <v>69</v>
      </c>
      <c r="AJ59" s="92"/>
      <c r="AK59" s="92"/>
      <c r="AL59" s="92"/>
      <c r="AM59" s="148"/>
      <c r="AN59" s="92"/>
      <c r="AO59" s="145"/>
    </row>
    <row r="60" spans="1:41" ht="15.75" customHeight="1" x14ac:dyDescent="0.15">
      <c r="A60" s="234"/>
      <c r="B60" s="91"/>
      <c r="C60" s="91"/>
      <c r="D60" s="91"/>
      <c r="E60" s="227"/>
      <c r="F60" s="132"/>
      <c r="G60" s="132"/>
      <c r="H60" s="228"/>
      <c r="I60" s="148"/>
      <c r="J60" s="92"/>
      <c r="K60" s="92"/>
      <c r="L60" s="145"/>
      <c r="M60" s="148" t="s">
        <v>214</v>
      </c>
      <c r="N60" s="92"/>
      <c r="O60" s="92"/>
      <c r="P60" s="102" t="s">
        <v>25</v>
      </c>
      <c r="Q60" s="480"/>
      <c r="R60" s="480"/>
      <c r="S60" s="480"/>
      <c r="T60" s="480"/>
      <c r="U60" s="194" t="s">
        <v>215</v>
      </c>
      <c r="V60" s="194"/>
      <c r="W60" s="480" t="s">
        <v>216</v>
      </c>
      <c r="X60" s="480"/>
      <c r="Y60" s="102" t="s">
        <v>25</v>
      </c>
      <c r="Z60" s="431"/>
      <c r="AA60" s="431"/>
      <c r="AB60" s="102" t="s">
        <v>26</v>
      </c>
      <c r="AC60" s="102"/>
      <c r="AD60" s="102"/>
      <c r="AE60" s="102"/>
      <c r="AF60" s="102"/>
      <c r="AG60" s="152"/>
      <c r="AH60" s="146" t="s">
        <v>7</v>
      </c>
      <c r="AI60" s="156"/>
      <c r="AJ60" s="92"/>
      <c r="AK60" s="92"/>
      <c r="AL60" s="151"/>
      <c r="AM60" s="148"/>
      <c r="AN60" s="92"/>
      <c r="AO60" s="145"/>
    </row>
    <row r="61" spans="1:41" ht="15.75" customHeight="1" x14ac:dyDescent="0.15">
      <c r="A61" s="234"/>
      <c r="B61" s="91"/>
      <c r="C61" s="91"/>
      <c r="D61" s="91"/>
      <c r="E61" s="235"/>
      <c r="F61" s="117"/>
      <c r="G61" s="117"/>
      <c r="H61" s="236"/>
      <c r="I61" s="169"/>
      <c r="J61" s="105"/>
      <c r="K61" s="105"/>
      <c r="L61" s="170"/>
      <c r="M61" s="169" t="s">
        <v>705</v>
      </c>
      <c r="N61" s="105"/>
      <c r="O61" s="105"/>
      <c r="P61" s="190" t="s">
        <v>25</v>
      </c>
      <c r="Q61" s="471"/>
      <c r="R61" s="471"/>
      <c r="S61" s="471"/>
      <c r="T61" s="190" t="s">
        <v>26</v>
      </c>
      <c r="U61" s="190"/>
      <c r="V61" s="190"/>
      <c r="W61" s="471" t="s">
        <v>218</v>
      </c>
      <c r="X61" s="471"/>
      <c r="Y61" s="96" t="s">
        <v>25</v>
      </c>
      <c r="Z61" s="456"/>
      <c r="AA61" s="456"/>
      <c r="AB61" s="456"/>
      <c r="AC61" s="96" t="s">
        <v>215</v>
      </c>
      <c r="AD61" s="96"/>
      <c r="AE61" s="96"/>
      <c r="AF61" s="96"/>
      <c r="AG61" s="259"/>
      <c r="AH61" s="336"/>
      <c r="AI61" s="105"/>
      <c r="AJ61" s="105"/>
      <c r="AK61" s="105"/>
      <c r="AL61" s="118"/>
      <c r="AM61" s="169"/>
      <c r="AN61" s="105"/>
      <c r="AO61" s="170"/>
    </row>
    <row r="62" spans="1:41" ht="15.75" customHeight="1" x14ac:dyDescent="0.15">
      <c r="A62" s="234"/>
      <c r="B62" s="91"/>
      <c r="C62" s="91"/>
      <c r="D62" s="91"/>
      <c r="E62" s="486" t="s">
        <v>222</v>
      </c>
      <c r="F62" s="487"/>
      <c r="G62" s="487"/>
      <c r="H62" s="488"/>
      <c r="I62" s="437" t="s">
        <v>223</v>
      </c>
      <c r="J62" s="438"/>
      <c r="K62" s="438"/>
      <c r="L62" s="439"/>
      <c r="M62" s="452" t="s">
        <v>206</v>
      </c>
      <c r="N62" s="453"/>
      <c r="O62" s="340" t="s">
        <v>25</v>
      </c>
      <c r="P62" s="485"/>
      <c r="Q62" s="485"/>
      <c r="R62" s="485"/>
      <c r="S62" s="485"/>
      <c r="T62" s="239" t="s">
        <v>26</v>
      </c>
      <c r="U62" s="156"/>
      <c r="V62" s="156"/>
      <c r="W62" s="242"/>
      <c r="X62" s="242"/>
      <c r="Y62" s="102"/>
      <c r="Z62" s="102"/>
      <c r="AA62" s="102"/>
      <c r="AB62" s="102"/>
      <c r="AC62" s="102"/>
      <c r="AD62" s="102"/>
      <c r="AE62" s="102"/>
      <c r="AF62" s="102"/>
      <c r="AG62" s="145"/>
      <c r="AH62" s="146" t="s">
        <v>7</v>
      </c>
      <c r="AI62" s="98" t="s">
        <v>208</v>
      </c>
      <c r="AJ62" s="92"/>
      <c r="AK62" s="92"/>
      <c r="AL62" s="140"/>
      <c r="AM62" s="148"/>
      <c r="AN62" s="92"/>
      <c r="AO62" s="145"/>
    </row>
    <row r="63" spans="1:41" ht="15.75" customHeight="1" x14ac:dyDescent="0.15">
      <c r="A63" s="234"/>
      <c r="B63" s="91"/>
      <c r="C63" s="91"/>
      <c r="D63" s="91"/>
      <c r="E63" s="227"/>
      <c r="F63" s="132"/>
      <c r="G63" s="132"/>
      <c r="H63" s="228"/>
      <c r="I63" s="148"/>
      <c r="J63" s="92"/>
      <c r="K63" s="92"/>
      <c r="L63" s="145"/>
      <c r="M63" s="155"/>
      <c r="N63" s="92" t="s">
        <v>224</v>
      </c>
      <c r="O63" s="92"/>
      <c r="P63" s="341" t="s">
        <v>25</v>
      </c>
      <c r="Q63" s="480"/>
      <c r="R63" s="480"/>
      <c r="S63" s="480"/>
      <c r="T63" s="194" t="s">
        <v>26</v>
      </c>
      <c r="U63" s="156"/>
      <c r="V63" s="489" t="s">
        <v>706</v>
      </c>
      <c r="W63" s="489"/>
      <c r="X63" s="489"/>
      <c r="Y63" s="102" t="s">
        <v>25</v>
      </c>
      <c r="Z63" s="431"/>
      <c r="AA63" s="431"/>
      <c r="AB63" s="431"/>
      <c r="AC63" s="431"/>
      <c r="AD63" s="102" t="s">
        <v>26</v>
      </c>
      <c r="AE63" s="102"/>
      <c r="AF63" s="102"/>
      <c r="AG63" s="145"/>
      <c r="AH63" s="146" t="s">
        <v>7</v>
      </c>
      <c r="AI63" s="92" t="s">
        <v>210</v>
      </c>
      <c r="AJ63" s="92"/>
      <c r="AK63" s="92"/>
      <c r="AL63" s="151"/>
      <c r="AM63" s="148"/>
      <c r="AN63" s="92"/>
      <c r="AO63" s="145"/>
    </row>
    <row r="64" spans="1:41" ht="15.75" customHeight="1" x14ac:dyDescent="0.15">
      <c r="A64" s="234"/>
      <c r="B64" s="91"/>
      <c r="C64" s="91"/>
      <c r="D64" s="91"/>
      <c r="E64" s="227"/>
      <c r="F64" s="132"/>
      <c r="G64" s="132"/>
      <c r="H64" s="228"/>
      <c r="I64" s="169"/>
      <c r="J64" s="105"/>
      <c r="K64" s="105"/>
      <c r="L64" s="170"/>
      <c r="M64" s="212"/>
      <c r="N64" s="105" t="s">
        <v>707</v>
      </c>
      <c r="O64" s="105"/>
      <c r="P64" s="105"/>
      <c r="Q64" s="105"/>
      <c r="R64" s="105"/>
      <c r="S64" s="96" t="s">
        <v>144</v>
      </c>
      <c r="T64" s="471"/>
      <c r="U64" s="471"/>
      <c r="V64" s="471"/>
      <c r="W64" s="471"/>
      <c r="X64" s="471"/>
      <c r="Y64" s="471"/>
      <c r="Z64" s="471"/>
      <c r="AA64" s="471"/>
      <c r="AB64" s="96" t="s">
        <v>112</v>
      </c>
      <c r="AC64" s="96"/>
      <c r="AD64" s="96"/>
      <c r="AE64" s="96"/>
      <c r="AF64" s="96"/>
      <c r="AG64" s="170"/>
      <c r="AH64" s="146" t="s">
        <v>7</v>
      </c>
      <c r="AI64" s="92" t="s">
        <v>69</v>
      </c>
      <c r="AJ64" s="92"/>
      <c r="AK64" s="92"/>
      <c r="AL64" s="92"/>
      <c r="AM64" s="148"/>
      <c r="AN64" s="92"/>
      <c r="AO64" s="145"/>
    </row>
    <row r="65" spans="1:41" ht="15.75" customHeight="1" x14ac:dyDescent="0.15">
      <c r="A65" s="234"/>
      <c r="B65" s="91"/>
      <c r="C65" s="91"/>
      <c r="D65" s="104"/>
      <c r="E65" s="132"/>
      <c r="F65" s="132"/>
      <c r="G65" s="132"/>
      <c r="H65" s="228"/>
      <c r="I65" s="438" t="s">
        <v>227</v>
      </c>
      <c r="J65" s="438"/>
      <c r="K65" s="438"/>
      <c r="L65" s="439"/>
      <c r="M65" s="141" t="s">
        <v>228</v>
      </c>
      <c r="N65" s="98"/>
      <c r="O65" s="98"/>
      <c r="P65" s="98"/>
      <c r="Q65" s="340" t="s">
        <v>25</v>
      </c>
      <c r="R65" s="485"/>
      <c r="S65" s="485"/>
      <c r="T65" s="485"/>
      <c r="U65" s="485"/>
      <c r="V65" s="485"/>
      <c r="W65" s="491"/>
      <c r="X65" s="194" t="s">
        <v>26</v>
      </c>
      <c r="Y65" s="102"/>
      <c r="Z65" s="102"/>
      <c r="AA65" s="102"/>
      <c r="AB65" s="102"/>
      <c r="AC65" s="102"/>
      <c r="AD65" s="102"/>
      <c r="AE65" s="102"/>
      <c r="AF65" s="102"/>
      <c r="AG65" s="145"/>
      <c r="AH65" s="146" t="s">
        <v>7</v>
      </c>
      <c r="AI65" s="156"/>
      <c r="AJ65" s="92"/>
      <c r="AK65" s="92"/>
      <c r="AL65" s="151"/>
      <c r="AM65" s="148"/>
      <c r="AN65" s="92"/>
      <c r="AO65" s="145"/>
    </row>
    <row r="66" spans="1:41" ht="15.75" customHeight="1" x14ac:dyDescent="0.15">
      <c r="A66" s="234"/>
      <c r="B66" s="91"/>
      <c r="C66" s="91"/>
      <c r="D66" s="104"/>
      <c r="E66" s="132"/>
      <c r="F66" s="132"/>
      <c r="G66" s="132"/>
      <c r="H66" s="228"/>
      <c r="I66" s="148"/>
      <c r="J66" s="92"/>
      <c r="K66" s="92"/>
      <c r="L66" s="145"/>
      <c r="M66" s="148" t="s">
        <v>229</v>
      </c>
      <c r="N66" s="92"/>
      <c r="O66" s="92"/>
      <c r="P66" s="175" t="s">
        <v>25</v>
      </c>
      <c r="Q66" s="480"/>
      <c r="R66" s="480"/>
      <c r="S66" s="480"/>
      <c r="T66" s="480"/>
      <c r="U66" s="156" t="s">
        <v>215</v>
      </c>
      <c r="V66" s="156"/>
      <c r="W66" s="489" t="s">
        <v>230</v>
      </c>
      <c r="X66" s="489"/>
      <c r="Y66" s="102" t="s">
        <v>25</v>
      </c>
      <c r="Z66" s="431"/>
      <c r="AA66" s="431"/>
      <c r="AB66" s="431"/>
      <c r="AC66" s="431"/>
      <c r="AD66" s="102" t="s">
        <v>26</v>
      </c>
      <c r="AE66" s="102"/>
      <c r="AF66" s="102"/>
      <c r="AG66" s="145"/>
      <c r="AH66" s="334"/>
      <c r="AI66" s="92"/>
      <c r="AJ66" s="92"/>
      <c r="AK66" s="92"/>
      <c r="AL66" s="124"/>
      <c r="AM66" s="148"/>
      <c r="AN66" s="92"/>
      <c r="AO66" s="145"/>
    </row>
    <row r="67" spans="1:41" ht="15.75" customHeight="1" x14ac:dyDescent="0.15">
      <c r="A67" s="234"/>
      <c r="B67" s="91"/>
      <c r="C67" s="91"/>
      <c r="D67" s="91"/>
      <c r="E67" s="227"/>
      <c r="F67" s="132"/>
      <c r="G67" s="132"/>
      <c r="H67" s="228"/>
      <c r="I67" s="169"/>
      <c r="J67" s="105"/>
      <c r="K67" s="105"/>
      <c r="L67" s="170"/>
      <c r="M67" s="169" t="s">
        <v>705</v>
      </c>
      <c r="N67" s="105"/>
      <c r="O67" s="105"/>
      <c r="P67" s="339" t="s">
        <v>25</v>
      </c>
      <c r="Q67" s="471"/>
      <c r="R67" s="471"/>
      <c r="S67" s="471"/>
      <c r="T67" s="190" t="s">
        <v>26</v>
      </c>
      <c r="U67" s="238"/>
      <c r="V67" s="238"/>
      <c r="W67" s="490" t="s">
        <v>218</v>
      </c>
      <c r="X67" s="490"/>
      <c r="Y67" s="96" t="s">
        <v>25</v>
      </c>
      <c r="Z67" s="456"/>
      <c r="AA67" s="456"/>
      <c r="AB67" s="456"/>
      <c r="AC67" s="97" t="s">
        <v>215</v>
      </c>
      <c r="AD67" s="96"/>
      <c r="AE67" s="96"/>
      <c r="AF67" s="96"/>
      <c r="AG67" s="170"/>
      <c r="AH67" s="329"/>
      <c r="AI67" s="91"/>
      <c r="AJ67" s="91"/>
      <c r="AK67" s="91"/>
      <c r="AL67" s="92"/>
      <c r="AM67" s="148"/>
      <c r="AN67" s="92"/>
      <c r="AO67" s="145"/>
    </row>
    <row r="68" spans="1:41" ht="15.75" customHeight="1" x14ac:dyDescent="0.15">
      <c r="A68" s="234"/>
      <c r="B68" s="91"/>
      <c r="C68" s="91"/>
      <c r="D68" s="91"/>
      <c r="E68" s="227"/>
      <c r="F68" s="132"/>
      <c r="G68" s="132"/>
      <c r="H68" s="228"/>
      <c r="I68" s="437" t="s">
        <v>231</v>
      </c>
      <c r="J68" s="438"/>
      <c r="K68" s="438"/>
      <c r="L68" s="439"/>
      <c r="M68" s="141" t="s">
        <v>228</v>
      </c>
      <c r="N68" s="98"/>
      <c r="O68" s="98"/>
      <c r="P68" s="98"/>
      <c r="Q68" s="340" t="s">
        <v>25</v>
      </c>
      <c r="R68" s="485"/>
      <c r="S68" s="485"/>
      <c r="T68" s="485"/>
      <c r="U68" s="485"/>
      <c r="V68" s="485"/>
      <c r="W68" s="194" t="s">
        <v>26</v>
      </c>
      <c r="X68" s="242"/>
      <c r="Y68" s="102"/>
      <c r="Z68" s="102"/>
      <c r="AA68" s="102"/>
      <c r="AB68" s="102"/>
      <c r="AC68" s="102"/>
      <c r="AD68" s="102"/>
      <c r="AE68" s="102"/>
      <c r="AF68" s="102"/>
      <c r="AG68" s="145"/>
      <c r="AH68" s="146"/>
      <c r="AI68" s="92"/>
      <c r="AJ68" s="92"/>
      <c r="AK68" s="92"/>
      <c r="AL68" s="92"/>
      <c r="AM68" s="148"/>
      <c r="AN68" s="92"/>
      <c r="AO68" s="145"/>
    </row>
    <row r="69" spans="1:41" ht="15.75" customHeight="1" x14ac:dyDescent="0.15">
      <c r="A69" s="234"/>
      <c r="B69" s="91"/>
      <c r="C69" s="91"/>
      <c r="D69" s="91"/>
      <c r="E69" s="227"/>
      <c r="F69" s="132"/>
      <c r="G69" s="132"/>
      <c r="H69" s="228"/>
      <c r="I69" s="148"/>
      <c r="J69" s="92"/>
      <c r="K69" s="92"/>
      <c r="L69" s="145"/>
      <c r="M69" s="148" t="s">
        <v>229</v>
      </c>
      <c r="N69" s="92"/>
      <c r="O69" s="92"/>
      <c r="P69" s="175" t="s">
        <v>25</v>
      </c>
      <c r="Q69" s="480"/>
      <c r="R69" s="480"/>
      <c r="S69" s="480"/>
      <c r="T69" s="480"/>
      <c r="U69" s="156" t="s">
        <v>215</v>
      </c>
      <c r="V69" s="156"/>
      <c r="W69" s="489" t="s">
        <v>230</v>
      </c>
      <c r="X69" s="489"/>
      <c r="Y69" s="102" t="s">
        <v>25</v>
      </c>
      <c r="Z69" s="431"/>
      <c r="AA69" s="431"/>
      <c r="AB69" s="431"/>
      <c r="AC69" s="431"/>
      <c r="AD69" s="102" t="s">
        <v>26</v>
      </c>
      <c r="AE69" s="102"/>
      <c r="AF69" s="102"/>
      <c r="AG69" s="145"/>
      <c r="AH69" s="146"/>
      <c r="AI69" s="92"/>
      <c r="AJ69" s="92"/>
      <c r="AK69" s="92"/>
      <c r="AL69" s="92"/>
      <c r="AM69" s="148"/>
      <c r="AN69" s="92"/>
      <c r="AO69" s="145"/>
    </row>
    <row r="70" spans="1:41" ht="15.75" customHeight="1" x14ac:dyDescent="0.15">
      <c r="A70" s="234"/>
      <c r="B70" s="91"/>
      <c r="C70" s="91"/>
      <c r="D70" s="91"/>
      <c r="E70" s="227"/>
      <c r="F70" s="132"/>
      <c r="G70" s="132"/>
      <c r="H70" s="228"/>
      <c r="I70" s="169"/>
      <c r="J70" s="105"/>
      <c r="K70" s="105"/>
      <c r="L70" s="170"/>
      <c r="M70" s="169" t="s">
        <v>705</v>
      </c>
      <c r="N70" s="105"/>
      <c r="O70" s="105"/>
      <c r="P70" s="339" t="s">
        <v>25</v>
      </c>
      <c r="Q70" s="471"/>
      <c r="R70" s="471"/>
      <c r="S70" s="471"/>
      <c r="T70" s="190" t="s">
        <v>26</v>
      </c>
      <c r="U70" s="238"/>
      <c r="V70" s="238"/>
      <c r="W70" s="490" t="s">
        <v>218</v>
      </c>
      <c r="X70" s="490"/>
      <c r="Y70" s="96" t="s">
        <v>25</v>
      </c>
      <c r="Z70" s="456"/>
      <c r="AA70" s="456"/>
      <c r="AB70" s="456"/>
      <c r="AC70" s="97" t="s">
        <v>215</v>
      </c>
      <c r="AD70" s="96"/>
      <c r="AE70" s="96"/>
      <c r="AF70" s="96"/>
      <c r="AG70" s="170"/>
      <c r="AH70" s="146"/>
      <c r="AI70" s="92"/>
      <c r="AJ70" s="92"/>
      <c r="AK70" s="92"/>
      <c r="AL70" s="92"/>
      <c r="AM70" s="148"/>
      <c r="AN70" s="92"/>
      <c r="AO70" s="145"/>
    </row>
    <row r="71" spans="1:41" ht="15.75" customHeight="1" x14ac:dyDescent="0.15">
      <c r="A71" s="234"/>
      <c r="B71" s="91"/>
      <c r="C71" s="91"/>
      <c r="D71" s="91"/>
      <c r="E71" s="227"/>
      <c r="F71" s="132"/>
      <c r="G71" s="132"/>
      <c r="H71" s="228"/>
      <c r="I71" s="437" t="s">
        <v>232</v>
      </c>
      <c r="J71" s="438"/>
      <c r="K71" s="438"/>
      <c r="L71" s="439"/>
      <c r="M71" s="141" t="s">
        <v>228</v>
      </c>
      <c r="N71" s="98"/>
      <c r="O71" s="98"/>
      <c r="P71" s="98"/>
      <c r="Q71" s="340" t="s">
        <v>25</v>
      </c>
      <c r="R71" s="485"/>
      <c r="S71" s="485"/>
      <c r="T71" s="485"/>
      <c r="U71" s="485"/>
      <c r="V71" s="485"/>
      <c r="W71" s="194" t="s">
        <v>26</v>
      </c>
      <c r="X71" s="242"/>
      <c r="Y71" s="102"/>
      <c r="Z71" s="102"/>
      <c r="AA71" s="102"/>
      <c r="AB71" s="102"/>
      <c r="AC71" s="102"/>
      <c r="AD71" s="102"/>
      <c r="AE71" s="102"/>
      <c r="AF71" s="102"/>
      <c r="AG71" s="145"/>
      <c r="AH71" s="146"/>
      <c r="AI71" s="92"/>
      <c r="AJ71" s="92"/>
      <c r="AK71" s="92"/>
      <c r="AL71" s="92"/>
      <c r="AM71" s="148"/>
      <c r="AN71" s="92"/>
      <c r="AO71" s="145"/>
    </row>
    <row r="72" spans="1:41" ht="15.75" customHeight="1" x14ac:dyDescent="0.15">
      <c r="A72" s="234"/>
      <c r="B72" s="91"/>
      <c r="C72" s="91"/>
      <c r="D72" s="91"/>
      <c r="E72" s="227"/>
      <c r="F72" s="132"/>
      <c r="G72" s="132"/>
      <c r="H72" s="228"/>
      <c r="I72" s="148"/>
      <c r="J72" s="92"/>
      <c r="K72" s="92"/>
      <c r="L72" s="145"/>
      <c r="M72" s="148" t="s">
        <v>229</v>
      </c>
      <c r="N72" s="92"/>
      <c r="O72" s="92"/>
      <c r="P72" s="175" t="s">
        <v>25</v>
      </c>
      <c r="Q72" s="480"/>
      <c r="R72" s="480"/>
      <c r="S72" s="480"/>
      <c r="T72" s="480"/>
      <c r="U72" s="156" t="s">
        <v>215</v>
      </c>
      <c r="V72" s="156"/>
      <c r="W72" s="489" t="s">
        <v>230</v>
      </c>
      <c r="X72" s="489"/>
      <c r="Y72" s="102" t="s">
        <v>25</v>
      </c>
      <c r="Z72" s="431"/>
      <c r="AA72" s="431"/>
      <c r="AB72" s="431"/>
      <c r="AC72" s="431"/>
      <c r="AD72" s="102" t="s">
        <v>26</v>
      </c>
      <c r="AE72" s="102"/>
      <c r="AF72" s="102"/>
      <c r="AG72" s="145"/>
      <c r="AH72" s="146"/>
      <c r="AI72" s="92"/>
      <c r="AJ72" s="92"/>
      <c r="AK72" s="92"/>
      <c r="AL72" s="92"/>
      <c r="AM72" s="148"/>
      <c r="AN72" s="92"/>
      <c r="AO72" s="145"/>
    </row>
    <row r="73" spans="1:41" ht="15.75" customHeight="1" x14ac:dyDescent="0.15">
      <c r="A73" s="234"/>
      <c r="B73" s="91"/>
      <c r="C73" s="91"/>
      <c r="D73" s="91"/>
      <c r="E73" s="235"/>
      <c r="F73" s="117"/>
      <c r="G73" s="117"/>
      <c r="H73" s="236"/>
      <c r="I73" s="169"/>
      <c r="J73" s="105"/>
      <c r="K73" s="105"/>
      <c r="L73" s="170"/>
      <c r="M73" s="169" t="s">
        <v>705</v>
      </c>
      <c r="N73" s="105"/>
      <c r="O73" s="105"/>
      <c r="P73" s="339" t="s">
        <v>25</v>
      </c>
      <c r="Q73" s="471"/>
      <c r="R73" s="471"/>
      <c r="S73" s="471"/>
      <c r="T73" s="190" t="s">
        <v>26</v>
      </c>
      <c r="U73" s="238"/>
      <c r="V73" s="238"/>
      <c r="W73" s="490" t="s">
        <v>218</v>
      </c>
      <c r="X73" s="490"/>
      <c r="Y73" s="96" t="s">
        <v>25</v>
      </c>
      <c r="Z73" s="456"/>
      <c r="AA73" s="456"/>
      <c r="AB73" s="456"/>
      <c r="AC73" s="97" t="s">
        <v>215</v>
      </c>
      <c r="AD73" s="96"/>
      <c r="AE73" s="96"/>
      <c r="AF73" s="96"/>
      <c r="AG73" s="170"/>
      <c r="AH73" s="167"/>
      <c r="AI73" s="105"/>
      <c r="AJ73" s="105"/>
      <c r="AK73" s="105"/>
      <c r="AL73" s="105"/>
      <c r="AM73" s="169"/>
      <c r="AN73" s="105"/>
      <c r="AO73" s="170"/>
    </row>
    <row r="74" spans="1:41" ht="15.75" customHeight="1" x14ac:dyDescent="0.15">
      <c r="A74" s="234"/>
      <c r="B74" s="91"/>
      <c r="C74" s="91"/>
      <c r="D74" s="91"/>
      <c r="E74" s="486" t="s">
        <v>233</v>
      </c>
      <c r="F74" s="487"/>
      <c r="G74" s="487"/>
      <c r="H74" s="488"/>
      <c r="I74" s="464" t="s">
        <v>234</v>
      </c>
      <c r="J74" s="465"/>
      <c r="K74" s="465"/>
      <c r="L74" s="466"/>
      <c r="M74" s="93" t="s">
        <v>235</v>
      </c>
      <c r="N74" s="94"/>
      <c r="O74" s="96" t="s">
        <v>25</v>
      </c>
      <c r="P74" s="492"/>
      <c r="Q74" s="492"/>
      <c r="R74" s="492"/>
      <c r="S74" s="492"/>
      <c r="T74" s="492"/>
      <c r="U74" s="492"/>
      <c r="V74" s="238" t="s">
        <v>26</v>
      </c>
      <c r="W74" s="241"/>
      <c r="X74" s="241"/>
      <c r="Y74" s="96"/>
      <c r="Z74" s="96"/>
      <c r="AA74" s="96"/>
      <c r="AB74" s="96"/>
      <c r="AC74" s="96"/>
      <c r="AD74" s="96"/>
      <c r="AE74" s="96"/>
      <c r="AF74" s="96"/>
      <c r="AG74" s="170"/>
      <c r="AH74" s="146" t="s">
        <v>7</v>
      </c>
      <c r="AI74" s="98" t="s">
        <v>208</v>
      </c>
      <c r="AJ74" s="98"/>
      <c r="AK74" s="98"/>
      <c r="AL74" s="151"/>
      <c r="AM74" s="148"/>
      <c r="AN74" s="92"/>
      <c r="AO74" s="145"/>
    </row>
    <row r="75" spans="1:41" ht="15.75" customHeight="1" x14ac:dyDescent="0.15">
      <c r="A75" s="234"/>
      <c r="B75" s="91"/>
      <c r="C75" s="91"/>
      <c r="D75" s="91"/>
      <c r="E75" s="227"/>
      <c r="F75" s="132"/>
      <c r="G75" s="132"/>
      <c r="H75" s="228"/>
      <c r="I75" s="486" t="s">
        <v>236</v>
      </c>
      <c r="J75" s="487"/>
      <c r="K75" s="487"/>
      <c r="L75" s="488"/>
      <c r="M75" s="141" t="s">
        <v>228</v>
      </c>
      <c r="N75" s="98"/>
      <c r="O75" s="98"/>
      <c r="P75" s="98"/>
      <c r="Q75" s="239" t="s">
        <v>25</v>
      </c>
      <c r="R75" s="485"/>
      <c r="S75" s="485"/>
      <c r="T75" s="485"/>
      <c r="U75" s="485"/>
      <c r="V75" s="485"/>
      <c r="W75" s="491"/>
      <c r="X75" s="194" t="s">
        <v>26</v>
      </c>
      <c r="Y75" s="102"/>
      <c r="Z75" s="102"/>
      <c r="AA75" s="102"/>
      <c r="AB75" s="102"/>
      <c r="AC75" s="102"/>
      <c r="AD75" s="102"/>
      <c r="AE75" s="102"/>
      <c r="AF75" s="102"/>
      <c r="AG75" s="145"/>
      <c r="AH75" s="146" t="s">
        <v>7</v>
      </c>
      <c r="AI75" s="92" t="s">
        <v>210</v>
      </c>
      <c r="AJ75" s="92"/>
      <c r="AK75" s="92"/>
      <c r="AL75" s="151"/>
      <c r="AM75" s="148"/>
      <c r="AN75" s="92"/>
      <c r="AO75" s="145"/>
    </row>
    <row r="76" spans="1:41" ht="15.75" customHeight="1" x14ac:dyDescent="0.15">
      <c r="A76" s="234"/>
      <c r="B76" s="91"/>
      <c r="C76" s="91"/>
      <c r="D76" s="91"/>
      <c r="E76" s="227"/>
      <c r="F76" s="132"/>
      <c r="G76" s="132"/>
      <c r="H76" s="228"/>
      <c r="I76" s="148"/>
      <c r="J76" s="92"/>
      <c r="K76" s="92"/>
      <c r="L76" s="145"/>
      <c r="M76" s="148" t="s">
        <v>237</v>
      </c>
      <c r="N76" s="92"/>
      <c r="O76" s="92"/>
      <c r="P76" s="102" t="s">
        <v>25</v>
      </c>
      <c r="Q76" s="480"/>
      <c r="R76" s="480"/>
      <c r="S76" s="480"/>
      <c r="T76" s="480"/>
      <c r="U76" s="156" t="s">
        <v>215</v>
      </c>
      <c r="V76" s="156"/>
      <c r="W76" s="489" t="s">
        <v>230</v>
      </c>
      <c r="X76" s="489"/>
      <c r="Y76" s="102" t="s">
        <v>25</v>
      </c>
      <c r="Z76" s="431"/>
      <c r="AA76" s="431"/>
      <c r="AB76" s="431"/>
      <c r="AC76" s="431"/>
      <c r="AD76" s="102" t="s">
        <v>26</v>
      </c>
      <c r="AE76" s="102"/>
      <c r="AF76" s="102"/>
      <c r="AG76" s="145"/>
      <c r="AH76" s="146" t="s">
        <v>7</v>
      </c>
      <c r="AI76" s="92" t="s">
        <v>69</v>
      </c>
      <c r="AJ76" s="92"/>
      <c r="AK76" s="92"/>
      <c r="AL76" s="92"/>
      <c r="AM76" s="148"/>
      <c r="AN76" s="92"/>
      <c r="AO76" s="145"/>
    </row>
    <row r="77" spans="1:41" ht="15.75" customHeight="1" x14ac:dyDescent="0.15">
      <c r="A77" s="234"/>
      <c r="B77" s="91"/>
      <c r="C77" s="91"/>
      <c r="D77" s="91"/>
      <c r="E77" s="235"/>
      <c r="F77" s="117"/>
      <c r="G77" s="117"/>
      <c r="H77" s="236"/>
      <c r="I77" s="169"/>
      <c r="J77" s="105"/>
      <c r="K77" s="105"/>
      <c r="L77" s="170"/>
      <c r="M77" s="169" t="s">
        <v>705</v>
      </c>
      <c r="N77" s="105"/>
      <c r="O77" s="105"/>
      <c r="P77" s="190" t="s">
        <v>25</v>
      </c>
      <c r="Q77" s="471"/>
      <c r="R77" s="471"/>
      <c r="S77" s="471"/>
      <c r="T77" s="190" t="s">
        <v>26</v>
      </c>
      <c r="U77" s="238"/>
      <c r="V77" s="238"/>
      <c r="W77" s="490" t="s">
        <v>218</v>
      </c>
      <c r="X77" s="490"/>
      <c r="Y77" s="96" t="s">
        <v>25</v>
      </c>
      <c r="Z77" s="456"/>
      <c r="AA77" s="456"/>
      <c r="AB77" s="456"/>
      <c r="AC77" s="97" t="s">
        <v>215</v>
      </c>
      <c r="AD77" s="96"/>
      <c r="AE77" s="96"/>
      <c r="AF77" s="96"/>
      <c r="AG77" s="170"/>
      <c r="AH77" s="167" t="s">
        <v>7</v>
      </c>
      <c r="AI77" s="105"/>
      <c r="AJ77" s="105"/>
      <c r="AK77" s="105"/>
      <c r="AL77" s="126"/>
      <c r="AM77" s="169"/>
      <c r="AN77" s="105"/>
      <c r="AO77" s="170"/>
    </row>
    <row r="78" spans="1:41" ht="15.75" customHeight="1" x14ac:dyDescent="0.15">
      <c r="A78" s="234"/>
      <c r="B78" s="91"/>
      <c r="C78" s="91"/>
      <c r="D78" s="91"/>
      <c r="E78" s="473" t="s">
        <v>238</v>
      </c>
      <c r="F78" s="474"/>
      <c r="G78" s="474"/>
      <c r="H78" s="475"/>
      <c r="I78" s="473" t="s">
        <v>239</v>
      </c>
      <c r="J78" s="474"/>
      <c r="K78" s="474"/>
      <c r="L78" s="475"/>
      <c r="M78" s="141" t="s">
        <v>240</v>
      </c>
      <c r="N78" s="98"/>
      <c r="O78" s="98"/>
      <c r="P78" s="98"/>
      <c r="Q78" s="239"/>
      <c r="R78" s="239"/>
      <c r="S78" s="239"/>
      <c r="T78" s="239"/>
      <c r="U78" s="240"/>
      <c r="V78" s="240"/>
      <c r="W78" s="323"/>
      <c r="X78" s="323"/>
      <c r="Y78" s="206"/>
      <c r="Z78" s="206"/>
      <c r="AA78" s="206"/>
      <c r="AB78" s="206"/>
      <c r="AC78" s="206"/>
      <c r="AD78" s="206"/>
      <c r="AE78" s="206"/>
      <c r="AF78" s="206"/>
      <c r="AG78" s="142"/>
      <c r="AH78" s="138" t="s">
        <v>7</v>
      </c>
      <c r="AI78" s="98" t="s">
        <v>208</v>
      </c>
      <c r="AJ78" s="98"/>
      <c r="AK78" s="98"/>
      <c r="AL78" s="140"/>
      <c r="AM78" s="141"/>
      <c r="AN78" s="98"/>
      <c r="AO78" s="142"/>
    </row>
    <row r="79" spans="1:41" ht="15.75" customHeight="1" x14ac:dyDescent="0.15">
      <c r="A79" s="234"/>
      <c r="B79" s="91"/>
      <c r="C79" s="91"/>
      <c r="D79" s="91"/>
      <c r="E79" s="227"/>
      <c r="F79" s="132"/>
      <c r="G79" s="132"/>
      <c r="H79" s="228"/>
      <c r="I79" s="449" t="s">
        <v>238</v>
      </c>
      <c r="J79" s="450"/>
      <c r="K79" s="450"/>
      <c r="L79" s="451"/>
      <c r="M79" s="173"/>
      <c r="N79" s="102" t="s">
        <v>25</v>
      </c>
      <c r="O79" s="431"/>
      <c r="P79" s="431"/>
      <c r="Q79" s="431"/>
      <c r="R79" s="431"/>
      <c r="S79" s="431"/>
      <c r="T79" s="431"/>
      <c r="U79" s="431"/>
      <c r="V79" s="431"/>
      <c r="W79" s="431"/>
      <c r="X79" s="431"/>
      <c r="Y79" s="431"/>
      <c r="Z79" s="431"/>
      <c r="AA79" s="431"/>
      <c r="AB79" s="102" t="s">
        <v>26</v>
      </c>
      <c r="AC79" s="102"/>
      <c r="AD79" s="102"/>
      <c r="AE79" s="102"/>
      <c r="AF79" s="102"/>
      <c r="AG79" s="145"/>
      <c r="AH79" s="146" t="s">
        <v>7</v>
      </c>
      <c r="AI79" s="92" t="s">
        <v>69</v>
      </c>
      <c r="AJ79" s="92"/>
      <c r="AK79" s="92"/>
      <c r="AL79" s="151"/>
      <c r="AM79" s="148"/>
      <c r="AN79" s="92"/>
      <c r="AO79" s="145"/>
    </row>
    <row r="80" spans="1:41" ht="15.75" customHeight="1" x14ac:dyDescent="0.15">
      <c r="A80" s="234"/>
      <c r="B80" s="91"/>
      <c r="C80" s="91"/>
      <c r="D80" s="91"/>
      <c r="E80" s="227"/>
      <c r="F80" s="132"/>
      <c r="G80" s="132"/>
      <c r="H80" s="228"/>
      <c r="I80" s="169"/>
      <c r="J80" s="105"/>
      <c r="K80" s="105"/>
      <c r="L80" s="170"/>
      <c r="M80" s="243"/>
      <c r="N80" s="96" t="s">
        <v>25</v>
      </c>
      <c r="O80" s="456"/>
      <c r="P80" s="456"/>
      <c r="Q80" s="456"/>
      <c r="R80" s="456"/>
      <c r="S80" s="456"/>
      <c r="T80" s="456"/>
      <c r="U80" s="456"/>
      <c r="V80" s="456"/>
      <c r="W80" s="456"/>
      <c r="X80" s="456"/>
      <c r="Y80" s="456"/>
      <c r="Z80" s="456"/>
      <c r="AA80" s="456"/>
      <c r="AB80" s="96" t="s">
        <v>26</v>
      </c>
      <c r="AC80" s="96"/>
      <c r="AD80" s="96"/>
      <c r="AE80" s="96"/>
      <c r="AF80" s="96"/>
      <c r="AG80" s="170"/>
      <c r="AH80" s="146" t="s">
        <v>7</v>
      </c>
      <c r="AI80" s="92"/>
      <c r="AJ80" s="92"/>
      <c r="AK80" s="92"/>
      <c r="AL80" s="92"/>
      <c r="AM80" s="148"/>
      <c r="AN80" s="92"/>
      <c r="AO80" s="145"/>
    </row>
    <row r="81" spans="1:41" ht="15.75" customHeight="1" x14ac:dyDescent="0.15">
      <c r="A81" s="234"/>
      <c r="B81" s="91"/>
      <c r="C81" s="91"/>
      <c r="D81" s="91"/>
      <c r="E81" s="227"/>
      <c r="F81" s="132"/>
      <c r="G81" s="132"/>
      <c r="H81" s="228"/>
      <c r="I81" s="486" t="s">
        <v>241</v>
      </c>
      <c r="J81" s="487"/>
      <c r="K81" s="487"/>
      <c r="L81" s="488"/>
      <c r="M81" s="173" t="s">
        <v>242</v>
      </c>
      <c r="N81" s="103"/>
      <c r="O81" s="103"/>
      <c r="P81" s="194"/>
      <c r="Q81" s="194"/>
      <c r="R81" s="194"/>
      <c r="S81" s="194"/>
      <c r="T81" s="194"/>
      <c r="U81" s="156"/>
      <c r="V81" s="156"/>
      <c r="W81" s="242"/>
      <c r="X81" s="242"/>
      <c r="Y81" s="102"/>
      <c r="Z81" s="102"/>
      <c r="AA81" s="102"/>
      <c r="AB81" s="102"/>
      <c r="AC81" s="102"/>
      <c r="AD81" s="102"/>
      <c r="AE81" s="102"/>
      <c r="AF81" s="102"/>
      <c r="AG81" s="145"/>
      <c r="AH81" s="151"/>
      <c r="AI81" s="156"/>
      <c r="AJ81" s="92"/>
      <c r="AK81" s="92"/>
      <c r="AL81" s="151"/>
      <c r="AM81" s="148"/>
      <c r="AN81" s="92"/>
      <c r="AO81" s="145"/>
    </row>
    <row r="82" spans="1:41" ht="15.75" customHeight="1" x14ac:dyDescent="0.15">
      <c r="A82" s="234"/>
      <c r="B82" s="91"/>
      <c r="C82" s="91"/>
      <c r="D82" s="91"/>
      <c r="E82" s="227"/>
      <c r="F82" s="132"/>
      <c r="G82" s="132"/>
      <c r="H82" s="228"/>
      <c r="I82" s="449" t="s">
        <v>238</v>
      </c>
      <c r="J82" s="450"/>
      <c r="K82" s="450"/>
      <c r="L82" s="451"/>
      <c r="M82" s="173"/>
      <c r="N82" s="151" t="s">
        <v>7</v>
      </c>
      <c r="O82" s="92" t="s">
        <v>243</v>
      </c>
      <c r="P82" s="92"/>
      <c r="Q82" s="175"/>
      <c r="R82" s="92"/>
      <c r="S82" s="156"/>
      <c r="T82" s="156"/>
      <c r="U82" s="156"/>
      <c r="V82" s="156"/>
      <c r="W82" s="242"/>
      <c r="X82" s="242"/>
      <c r="Y82" s="102"/>
      <c r="Z82" s="102"/>
      <c r="AA82" s="102"/>
      <c r="AB82" s="102"/>
      <c r="AC82" s="102"/>
      <c r="AD82" s="102"/>
      <c r="AE82" s="102"/>
      <c r="AF82" s="102"/>
      <c r="AG82" s="145"/>
      <c r="AH82" s="334"/>
      <c r="AI82" s="92"/>
      <c r="AJ82" s="92"/>
      <c r="AK82" s="92"/>
      <c r="AL82" s="124"/>
      <c r="AM82" s="148"/>
      <c r="AN82" s="92"/>
      <c r="AO82" s="145"/>
    </row>
    <row r="83" spans="1:41" ht="15.75" customHeight="1" x14ac:dyDescent="0.15">
      <c r="A83" s="234"/>
      <c r="B83" s="91"/>
      <c r="C83" s="91"/>
      <c r="D83" s="91"/>
      <c r="E83" s="227"/>
      <c r="F83" s="132"/>
      <c r="G83" s="132"/>
      <c r="H83" s="228"/>
      <c r="I83" s="148"/>
      <c r="J83" s="92"/>
      <c r="K83" s="92"/>
      <c r="L83" s="145"/>
      <c r="M83" s="173"/>
      <c r="N83" s="151" t="s">
        <v>7</v>
      </c>
      <c r="O83" s="92" t="s">
        <v>244</v>
      </c>
      <c r="P83" s="156"/>
      <c r="Q83" s="156"/>
      <c r="R83" s="156"/>
      <c r="S83" s="156"/>
      <c r="T83" s="156"/>
      <c r="U83" s="156"/>
      <c r="V83" s="156"/>
      <c r="W83" s="242"/>
      <c r="X83" s="242"/>
      <c r="Y83" s="102"/>
      <c r="Z83" s="102"/>
      <c r="AA83" s="102"/>
      <c r="AB83" s="102"/>
      <c r="AC83" s="102"/>
      <c r="AD83" s="102"/>
      <c r="AE83" s="102"/>
      <c r="AF83" s="102"/>
      <c r="AG83" s="145"/>
      <c r="AH83" s="146"/>
      <c r="AI83" s="92"/>
      <c r="AJ83" s="92"/>
      <c r="AK83" s="92"/>
      <c r="AL83" s="92"/>
      <c r="AM83" s="148"/>
      <c r="AN83" s="92"/>
      <c r="AO83" s="145"/>
    </row>
    <row r="84" spans="1:41" ht="15.75" customHeight="1" x14ac:dyDescent="0.15">
      <c r="A84" s="234"/>
      <c r="B84" s="91"/>
      <c r="C84" s="91"/>
      <c r="D84" s="91"/>
      <c r="E84" s="227"/>
      <c r="F84" s="132"/>
      <c r="G84" s="132"/>
      <c r="H84" s="228"/>
      <c r="I84" s="148"/>
      <c r="J84" s="92"/>
      <c r="K84" s="92"/>
      <c r="L84" s="145"/>
      <c r="M84" s="173"/>
      <c r="N84" s="151" t="s">
        <v>7</v>
      </c>
      <c r="O84" s="92" t="s">
        <v>245</v>
      </c>
      <c r="P84" s="156"/>
      <c r="Q84" s="156"/>
      <c r="R84" s="156"/>
      <c r="S84" s="156"/>
      <c r="T84" s="156"/>
      <c r="U84" s="156"/>
      <c r="V84" s="156"/>
      <c r="W84" s="242"/>
      <c r="X84" s="242"/>
      <c r="Y84" s="102"/>
      <c r="Z84" s="102"/>
      <c r="AA84" s="102"/>
      <c r="AB84" s="102"/>
      <c r="AC84" s="102"/>
      <c r="AD84" s="102"/>
      <c r="AE84" s="102"/>
      <c r="AF84" s="102"/>
      <c r="AG84" s="145"/>
      <c r="AH84" s="146"/>
      <c r="AI84" s="92"/>
      <c r="AJ84" s="92"/>
      <c r="AK84" s="92"/>
      <c r="AL84" s="92"/>
      <c r="AM84" s="148"/>
      <c r="AN84" s="92"/>
      <c r="AO84" s="145"/>
    </row>
    <row r="85" spans="1:41" ht="15.75" customHeight="1" x14ac:dyDescent="0.15">
      <c r="A85" s="234"/>
      <c r="B85" s="91"/>
      <c r="C85" s="91"/>
      <c r="D85" s="91"/>
      <c r="E85" s="227"/>
      <c r="F85" s="132"/>
      <c r="G85" s="132"/>
      <c r="H85" s="228"/>
      <c r="I85" s="169"/>
      <c r="J85" s="105"/>
      <c r="K85" s="105"/>
      <c r="L85" s="170"/>
      <c r="M85" s="243"/>
      <c r="N85" s="126" t="s">
        <v>7</v>
      </c>
      <c r="O85" s="105" t="s">
        <v>0</v>
      </c>
      <c r="P85" s="238"/>
      <c r="Q85" s="190" t="s">
        <v>25</v>
      </c>
      <c r="R85" s="471"/>
      <c r="S85" s="471"/>
      <c r="T85" s="471"/>
      <c r="U85" s="471"/>
      <c r="V85" s="471"/>
      <c r="W85" s="471"/>
      <c r="X85" s="471"/>
      <c r="Y85" s="471"/>
      <c r="Z85" s="471"/>
      <c r="AA85" s="471"/>
      <c r="AB85" s="96" t="s">
        <v>26</v>
      </c>
      <c r="AC85" s="96"/>
      <c r="AD85" s="96"/>
      <c r="AE85" s="96"/>
      <c r="AF85" s="96"/>
      <c r="AG85" s="170"/>
      <c r="AH85" s="146"/>
      <c r="AI85" s="92"/>
      <c r="AJ85" s="92"/>
      <c r="AK85" s="92"/>
      <c r="AL85" s="92"/>
      <c r="AM85" s="148"/>
      <c r="AN85" s="92"/>
      <c r="AO85" s="145"/>
    </row>
    <row r="86" spans="1:41" ht="15.75" customHeight="1" x14ac:dyDescent="0.15">
      <c r="A86" s="234"/>
      <c r="B86" s="91"/>
      <c r="C86" s="91"/>
      <c r="D86" s="91"/>
      <c r="E86" s="227"/>
      <c r="F86" s="132"/>
      <c r="G86" s="132"/>
      <c r="H86" s="228"/>
      <c r="I86" s="486" t="s">
        <v>246</v>
      </c>
      <c r="J86" s="487"/>
      <c r="K86" s="487"/>
      <c r="L86" s="488"/>
      <c r="M86" s="173" t="s">
        <v>240</v>
      </c>
      <c r="N86" s="102"/>
      <c r="O86" s="92"/>
      <c r="P86" s="156"/>
      <c r="Q86" s="194"/>
      <c r="R86" s="194"/>
      <c r="S86" s="194"/>
      <c r="T86" s="194"/>
      <c r="U86" s="194"/>
      <c r="V86" s="194"/>
      <c r="W86" s="194"/>
      <c r="X86" s="194"/>
      <c r="Y86" s="194"/>
      <c r="Z86" s="194"/>
      <c r="AA86" s="194"/>
      <c r="AB86" s="102"/>
      <c r="AC86" s="102"/>
      <c r="AD86" s="102"/>
      <c r="AE86" s="102"/>
      <c r="AF86" s="102"/>
      <c r="AG86" s="145"/>
      <c r="AH86" s="146"/>
      <c r="AI86" s="92"/>
      <c r="AJ86" s="92"/>
      <c r="AK86" s="92"/>
      <c r="AL86" s="92"/>
      <c r="AM86" s="148"/>
      <c r="AN86" s="92"/>
      <c r="AO86" s="145"/>
    </row>
    <row r="87" spans="1:41" ht="15.75" customHeight="1" x14ac:dyDescent="0.15">
      <c r="A87" s="234"/>
      <c r="B87" s="91"/>
      <c r="C87" s="91"/>
      <c r="D87" s="91"/>
      <c r="E87" s="227"/>
      <c r="F87" s="132"/>
      <c r="G87" s="132"/>
      <c r="H87" s="228"/>
      <c r="I87" s="449" t="s">
        <v>247</v>
      </c>
      <c r="J87" s="450"/>
      <c r="K87" s="450"/>
      <c r="L87" s="451"/>
      <c r="M87" s="173"/>
      <c r="N87" s="102" t="s">
        <v>25</v>
      </c>
      <c r="O87" s="431"/>
      <c r="P87" s="431"/>
      <c r="Q87" s="431"/>
      <c r="R87" s="431"/>
      <c r="S87" s="431"/>
      <c r="T87" s="431"/>
      <c r="U87" s="431"/>
      <c r="V87" s="431"/>
      <c r="W87" s="431"/>
      <c r="X87" s="431"/>
      <c r="Y87" s="431"/>
      <c r="Z87" s="431"/>
      <c r="AA87" s="431"/>
      <c r="AB87" s="102" t="s">
        <v>26</v>
      </c>
      <c r="AC87" s="102"/>
      <c r="AD87" s="102"/>
      <c r="AE87" s="102"/>
      <c r="AF87" s="102"/>
      <c r="AG87" s="145"/>
      <c r="AH87" s="146"/>
      <c r="AI87" s="92"/>
      <c r="AJ87" s="92"/>
      <c r="AK87" s="92"/>
      <c r="AL87" s="92"/>
      <c r="AM87" s="148"/>
      <c r="AN87" s="92"/>
      <c r="AO87" s="145"/>
    </row>
    <row r="88" spans="1:41" ht="15.75" customHeight="1" x14ac:dyDescent="0.15">
      <c r="A88" s="234"/>
      <c r="B88" s="91"/>
      <c r="C88" s="91"/>
      <c r="D88" s="91"/>
      <c r="E88" s="227"/>
      <c r="F88" s="132"/>
      <c r="G88" s="132"/>
      <c r="H88" s="228"/>
      <c r="I88" s="169"/>
      <c r="J88" s="105"/>
      <c r="K88" s="105"/>
      <c r="L88" s="170"/>
      <c r="M88" s="243"/>
      <c r="N88" s="96" t="s">
        <v>25</v>
      </c>
      <c r="O88" s="456"/>
      <c r="P88" s="456"/>
      <c r="Q88" s="456"/>
      <c r="R88" s="456"/>
      <c r="S88" s="456"/>
      <c r="T88" s="456"/>
      <c r="U88" s="456"/>
      <c r="V88" s="456"/>
      <c r="W88" s="456"/>
      <c r="X88" s="456"/>
      <c r="Y88" s="456"/>
      <c r="Z88" s="456"/>
      <c r="AA88" s="456"/>
      <c r="AB88" s="96" t="s">
        <v>26</v>
      </c>
      <c r="AC88" s="96"/>
      <c r="AD88" s="96"/>
      <c r="AE88" s="96"/>
      <c r="AF88" s="96"/>
      <c r="AG88" s="170"/>
      <c r="AH88" s="146"/>
      <c r="AI88" s="92"/>
      <c r="AJ88" s="92"/>
      <c r="AK88" s="92"/>
      <c r="AL88" s="92"/>
      <c r="AM88" s="148"/>
      <c r="AN88" s="92"/>
      <c r="AO88" s="145"/>
    </row>
    <row r="89" spans="1:41" ht="15.75" customHeight="1" x14ac:dyDescent="0.15">
      <c r="A89" s="234"/>
      <c r="B89" s="91"/>
      <c r="C89" s="91"/>
      <c r="D89" s="91"/>
      <c r="E89" s="227"/>
      <c r="F89" s="132"/>
      <c r="G89" s="132"/>
      <c r="H89" s="228"/>
      <c r="I89" s="486" t="s">
        <v>248</v>
      </c>
      <c r="J89" s="487"/>
      <c r="K89" s="487"/>
      <c r="L89" s="488"/>
      <c r="M89" s="173" t="s">
        <v>240</v>
      </c>
      <c r="N89" s="102"/>
      <c r="O89" s="92"/>
      <c r="P89" s="156"/>
      <c r="Q89" s="194"/>
      <c r="R89" s="194"/>
      <c r="S89" s="194"/>
      <c r="T89" s="194"/>
      <c r="U89" s="194"/>
      <c r="V89" s="194"/>
      <c r="W89" s="194"/>
      <c r="X89" s="194"/>
      <c r="Y89" s="194"/>
      <c r="Z89" s="194"/>
      <c r="AA89" s="194"/>
      <c r="AB89" s="102"/>
      <c r="AC89" s="102"/>
      <c r="AD89" s="102"/>
      <c r="AE89" s="102"/>
      <c r="AF89" s="102"/>
      <c r="AG89" s="145"/>
      <c r="AH89" s="146"/>
      <c r="AI89" s="92"/>
      <c r="AJ89" s="92"/>
      <c r="AK89" s="92"/>
      <c r="AL89" s="92"/>
      <c r="AM89" s="148"/>
      <c r="AN89" s="92"/>
      <c r="AO89" s="145"/>
    </row>
    <row r="90" spans="1:41" ht="15.75" customHeight="1" x14ac:dyDescent="0.15">
      <c r="A90" s="234"/>
      <c r="B90" s="91"/>
      <c r="C90" s="91"/>
      <c r="D90" s="91"/>
      <c r="E90" s="227"/>
      <c r="F90" s="132"/>
      <c r="G90" s="132"/>
      <c r="H90" s="228"/>
      <c r="I90" s="449" t="s">
        <v>249</v>
      </c>
      <c r="J90" s="450"/>
      <c r="K90" s="450"/>
      <c r="L90" s="451"/>
      <c r="M90" s="173"/>
      <c r="N90" s="102" t="s">
        <v>25</v>
      </c>
      <c r="O90" s="431"/>
      <c r="P90" s="431"/>
      <c r="Q90" s="431"/>
      <c r="R90" s="431"/>
      <c r="S90" s="431"/>
      <c r="T90" s="431"/>
      <c r="U90" s="431"/>
      <c r="V90" s="431"/>
      <c r="W90" s="431"/>
      <c r="X90" s="431"/>
      <c r="Y90" s="431"/>
      <c r="Z90" s="431"/>
      <c r="AA90" s="431"/>
      <c r="AB90" s="102" t="s">
        <v>26</v>
      </c>
      <c r="AC90" s="102"/>
      <c r="AD90" s="102"/>
      <c r="AE90" s="102"/>
      <c r="AF90" s="102"/>
      <c r="AG90" s="145"/>
      <c r="AH90" s="146"/>
      <c r="AI90" s="92"/>
      <c r="AJ90" s="92"/>
      <c r="AK90" s="92"/>
      <c r="AL90" s="92"/>
      <c r="AM90" s="148"/>
      <c r="AN90" s="92"/>
      <c r="AO90" s="145"/>
    </row>
    <row r="91" spans="1:41" ht="15.75" customHeight="1" x14ac:dyDescent="0.15">
      <c r="A91" s="234"/>
      <c r="B91" s="91"/>
      <c r="C91" s="91"/>
      <c r="D91" s="91"/>
      <c r="E91" s="235"/>
      <c r="F91" s="117"/>
      <c r="G91" s="117"/>
      <c r="H91" s="236"/>
      <c r="I91" s="169"/>
      <c r="J91" s="105"/>
      <c r="K91" s="105"/>
      <c r="L91" s="170"/>
      <c r="M91" s="243"/>
      <c r="N91" s="96" t="s">
        <v>25</v>
      </c>
      <c r="O91" s="456"/>
      <c r="P91" s="456"/>
      <c r="Q91" s="456"/>
      <c r="R91" s="456"/>
      <c r="S91" s="456"/>
      <c r="T91" s="456"/>
      <c r="U91" s="456"/>
      <c r="V91" s="456"/>
      <c r="W91" s="456"/>
      <c r="X91" s="456"/>
      <c r="Y91" s="456"/>
      <c r="Z91" s="456"/>
      <c r="AA91" s="456"/>
      <c r="AB91" s="96" t="s">
        <v>26</v>
      </c>
      <c r="AC91" s="96"/>
      <c r="AD91" s="96"/>
      <c r="AE91" s="96"/>
      <c r="AF91" s="96"/>
      <c r="AG91" s="170"/>
      <c r="AH91" s="167"/>
      <c r="AI91" s="105"/>
      <c r="AJ91" s="105"/>
      <c r="AK91" s="105"/>
      <c r="AL91" s="105"/>
      <c r="AM91" s="169"/>
      <c r="AN91" s="105"/>
      <c r="AO91" s="170"/>
    </row>
    <row r="92" spans="1:41" ht="15.75" customHeight="1" x14ac:dyDescent="0.15">
      <c r="A92" s="234"/>
      <c r="B92" s="91"/>
      <c r="C92" s="91"/>
      <c r="D92" s="91"/>
      <c r="E92" s="486" t="s">
        <v>250</v>
      </c>
      <c r="F92" s="487"/>
      <c r="G92" s="487"/>
      <c r="H92" s="488"/>
      <c r="I92" s="486" t="s">
        <v>251</v>
      </c>
      <c r="J92" s="487"/>
      <c r="K92" s="487"/>
      <c r="L92" s="488"/>
      <c r="M92" s="151" t="s">
        <v>7</v>
      </c>
      <c r="N92" s="92" t="s">
        <v>252</v>
      </c>
      <c r="O92" s="156"/>
      <c r="P92" s="156"/>
      <c r="Q92" s="102"/>
      <c r="R92" s="151" t="s">
        <v>7</v>
      </c>
      <c r="S92" s="92" t="s">
        <v>253</v>
      </c>
      <c r="T92" s="156"/>
      <c r="U92" s="156"/>
      <c r="V92" s="102"/>
      <c r="W92" s="102"/>
      <c r="X92" s="102"/>
      <c r="Y92" s="102"/>
      <c r="Z92" s="102"/>
      <c r="AA92" s="102"/>
      <c r="AB92" s="102"/>
      <c r="AC92" s="102"/>
      <c r="AD92" s="102"/>
      <c r="AE92" s="102"/>
      <c r="AF92" s="102"/>
      <c r="AG92" s="145"/>
      <c r="AH92" s="146" t="s">
        <v>7</v>
      </c>
      <c r="AI92" s="98" t="s">
        <v>132</v>
      </c>
      <c r="AJ92" s="98"/>
      <c r="AK92" s="98"/>
      <c r="AL92" s="151"/>
      <c r="AM92" s="148"/>
      <c r="AN92" s="92"/>
      <c r="AO92" s="145"/>
    </row>
    <row r="93" spans="1:41" ht="15.75" customHeight="1" x14ac:dyDescent="0.15">
      <c r="A93" s="234"/>
      <c r="B93" s="91"/>
      <c r="C93" s="91"/>
      <c r="D93" s="91"/>
      <c r="E93" s="227"/>
      <c r="F93" s="132"/>
      <c r="G93" s="132"/>
      <c r="H93" s="228"/>
      <c r="I93" s="169"/>
      <c r="J93" s="105"/>
      <c r="K93" s="105"/>
      <c r="L93" s="170"/>
      <c r="M93" s="167" t="s">
        <v>7</v>
      </c>
      <c r="N93" s="105" t="s">
        <v>0</v>
      </c>
      <c r="O93" s="238"/>
      <c r="P93" s="190" t="s">
        <v>25</v>
      </c>
      <c r="Q93" s="456"/>
      <c r="R93" s="456"/>
      <c r="S93" s="456"/>
      <c r="T93" s="456"/>
      <c r="U93" s="456"/>
      <c r="V93" s="456"/>
      <c r="W93" s="456"/>
      <c r="X93" s="456"/>
      <c r="Y93" s="456"/>
      <c r="Z93" s="456"/>
      <c r="AA93" s="96" t="s">
        <v>26</v>
      </c>
      <c r="AB93" s="96"/>
      <c r="AC93" s="96"/>
      <c r="AD93" s="96"/>
      <c r="AE93" s="96"/>
      <c r="AF93" s="96"/>
      <c r="AG93" s="170"/>
      <c r="AH93" s="146" t="s">
        <v>7</v>
      </c>
      <c r="AI93" s="92" t="s">
        <v>185</v>
      </c>
      <c r="AJ93" s="92"/>
      <c r="AK93" s="92"/>
      <c r="AL93" s="151"/>
      <c r="AM93" s="148"/>
      <c r="AN93" s="92"/>
      <c r="AO93" s="145"/>
    </row>
    <row r="94" spans="1:41" ht="15.75" customHeight="1" x14ac:dyDescent="0.15">
      <c r="A94" s="234"/>
      <c r="B94" s="91"/>
      <c r="C94" s="91"/>
      <c r="D94" s="91"/>
      <c r="E94" s="227"/>
      <c r="F94" s="132"/>
      <c r="G94" s="132"/>
      <c r="H94" s="228"/>
      <c r="I94" s="486" t="s">
        <v>254</v>
      </c>
      <c r="J94" s="487"/>
      <c r="K94" s="487"/>
      <c r="L94" s="488"/>
      <c r="M94" s="151" t="s">
        <v>7</v>
      </c>
      <c r="N94" s="92" t="s">
        <v>255</v>
      </c>
      <c r="O94" s="156"/>
      <c r="P94" s="156"/>
      <c r="Q94" s="102"/>
      <c r="R94" s="102"/>
      <c r="S94" s="102"/>
      <c r="T94" s="102"/>
      <c r="U94" s="102"/>
      <c r="V94" s="102"/>
      <c r="W94" s="102"/>
      <c r="X94" s="102"/>
      <c r="Y94" s="102"/>
      <c r="Z94" s="102"/>
      <c r="AA94" s="102"/>
      <c r="AB94" s="102"/>
      <c r="AC94" s="102"/>
      <c r="AD94" s="102"/>
      <c r="AE94" s="102"/>
      <c r="AF94" s="102"/>
      <c r="AG94" s="145"/>
      <c r="AH94" s="146" t="s">
        <v>7</v>
      </c>
      <c r="AI94" s="92" t="s">
        <v>208</v>
      </c>
      <c r="AJ94" s="92"/>
      <c r="AK94" s="92"/>
      <c r="AL94" s="92"/>
      <c r="AM94" s="148"/>
      <c r="AN94" s="92"/>
      <c r="AO94" s="145"/>
    </row>
    <row r="95" spans="1:41" ht="15.75" customHeight="1" x14ac:dyDescent="0.15">
      <c r="A95" s="234"/>
      <c r="B95" s="91"/>
      <c r="C95" s="91"/>
      <c r="D95" s="91"/>
      <c r="E95" s="227"/>
      <c r="F95" s="132"/>
      <c r="G95" s="132"/>
      <c r="H95" s="228"/>
      <c r="I95" s="486" t="s">
        <v>256</v>
      </c>
      <c r="J95" s="487"/>
      <c r="K95" s="487"/>
      <c r="L95" s="488"/>
      <c r="M95" s="155"/>
      <c r="N95" s="92"/>
      <c r="O95" s="156" t="s">
        <v>257</v>
      </c>
      <c r="P95" s="194"/>
      <c r="Q95" s="431"/>
      <c r="R95" s="431"/>
      <c r="S95" s="431"/>
      <c r="T95" s="431"/>
      <c r="U95" s="431"/>
      <c r="V95" s="431"/>
      <c r="W95" s="431"/>
      <c r="X95" s="431"/>
      <c r="Y95" s="431"/>
      <c r="Z95" s="431"/>
      <c r="AA95" s="102" t="s">
        <v>26</v>
      </c>
      <c r="AB95" s="102"/>
      <c r="AC95" s="102"/>
      <c r="AD95" s="102"/>
      <c r="AE95" s="102"/>
      <c r="AF95" s="102"/>
      <c r="AG95" s="145"/>
      <c r="AH95" s="146" t="s">
        <v>7</v>
      </c>
      <c r="AI95" s="92" t="s">
        <v>210</v>
      </c>
      <c r="AJ95" s="92"/>
      <c r="AK95" s="92"/>
      <c r="AL95" s="151"/>
      <c r="AM95" s="148"/>
      <c r="AN95" s="92"/>
      <c r="AO95" s="145"/>
    </row>
    <row r="96" spans="1:41" ht="15.75" customHeight="1" x14ac:dyDescent="0.15">
      <c r="A96" s="234"/>
      <c r="B96" s="91"/>
      <c r="C96" s="91"/>
      <c r="D96" s="91"/>
      <c r="E96" s="227"/>
      <c r="F96" s="132"/>
      <c r="G96" s="132"/>
      <c r="H96" s="228"/>
      <c r="I96" s="486" t="s">
        <v>258</v>
      </c>
      <c r="J96" s="487"/>
      <c r="K96" s="487"/>
      <c r="L96" s="488"/>
      <c r="M96" s="151" t="s">
        <v>7</v>
      </c>
      <c r="N96" s="92" t="s">
        <v>259</v>
      </c>
      <c r="O96" s="156"/>
      <c r="P96" s="156"/>
      <c r="Q96" s="102"/>
      <c r="R96" s="102"/>
      <c r="S96" s="102"/>
      <c r="T96" s="102"/>
      <c r="U96" s="102"/>
      <c r="V96" s="102"/>
      <c r="W96" s="102"/>
      <c r="X96" s="102"/>
      <c r="Y96" s="102"/>
      <c r="Z96" s="102"/>
      <c r="AA96" s="102"/>
      <c r="AB96" s="102"/>
      <c r="AC96" s="102"/>
      <c r="AD96" s="102"/>
      <c r="AE96" s="102"/>
      <c r="AF96" s="102"/>
      <c r="AG96" s="145"/>
      <c r="AH96" s="146" t="s">
        <v>7</v>
      </c>
      <c r="AI96" s="91"/>
      <c r="AJ96" s="91"/>
      <c r="AK96" s="91"/>
      <c r="AL96" s="124"/>
      <c r="AM96" s="148"/>
      <c r="AN96" s="92"/>
      <c r="AO96" s="145"/>
    </row>
    <row r="97" spans="1:41" ht="15.95" customHeight="1" x14ac:dyDescent="0.15">
      <c r="A97" s="234"/>
      <c r="B97" s="91"/>
      <c r="C97" s="91"/>
      <c r="D97" s="91"/>
      <c r="E97" s="227"/>
      <c r="F97" s="132"/>
      <c r="G97" s="132"/>
      <c r="H97" s="228"/>
      <c r="I97" s="244"/>
      <c r="J97" s="245"/>
      <c r="K97" s="245"/>
      <c r="L97" s="246"/>
      <c r="M97" s="151" t="s">
        <v>7</v>
      </c>
      <c r="N97" s="105" t="s">
        <v>0</v>
      </c>
      <c r="O97" s="238"/>
      <c r="P97" s="190" t="s">
        <v>25</v>
      </c>
      <c r="Q97" s="456"/>
      <c r="R97" s="456"/>
      <c r="S97" s="456"/>
      <c r="T97" s="456"/>
      <c r="U97" s="456"/>
      <c r="V97" s="456"/>
      <c r="W97" s="456"/>
      <c r="X97" s="456"/>
      <c r="Y97" s="456"/>
      <c r="Z97" s="456"/>
      <c r="AA97" s="96" t="s">
        <v>26</v>
      </c>
      <c r="AB97" s="96"/>
      <c r="AC97" s="96"/>
      <c r="AD97" s="96"/>
      <c r="AE97" s="96"/>
      <c r="AF97" s="96"/>
      <c r="AG97" s="170"/>
      <c r="AH97" s="146"/>
      <c r="AI97" s="92"/>
      <c r="AJ97" s="92"/>
      <c r="AK97" s="92"/>
      <c r="AL97" s="92"/>
      <c r="AM97" s="148"/>
      <c r="AN97" s="92"/>
      <c r="AO97" s="145"/>
    </row>
    <row r="98" spans="1:41" ht="15.95" customHeight="1" x14ac:dyDescent="0.15">
      <c r="A98" s="234"/>
      <c r="B98" s="91"/>
      <c r="C98" s="91"/>
      <c r="D98" s="91"/>
      <c r="E98" s="227"/>
      <c r="F98" s="132"/>
      <c r="G98" s="132"/>
      <c r="H98" s="228"/>
      <c r="I98" s="473" t="s">
        <v>260</v>
      </c>
      <c r="J98" s="474"/>
      <c r="K98" s="474"/>
      <c r="L98" s="475"/>
      <c r="M98" s="247" t="s">
        <v>261</v>
      </c>
      <c r="N98" s="98"/>
      <c r="O98" s="239" t="s">
        <v>25</v>
      </c>
      <c r="P98" s="485"/>
      <c r="Q98" s="485"/>
      <c r="R98" s="485"/>
      <c r="S98" s="485"/>
      <c r="T98" s="485"/>
      <c r="U98" s="485"/>
      <c r="V98" s="485"/>
      <c r="W98" s="485"/>
      <c r="X98" s="485"/>
      <c r="Y98" s="98" t="s">
        <v>26</v>
      </c>
      <c r="Z98" s="206"/>
      <c r="AA98" s="206"/>
      <c r="AB98" s="206"/>
      <c r="AC98" s="206"/>
      <c r="AD98" s="102"/>
      <c r="AE98" s="102"/>
      <c r="AF98" s="102"/>
      <c r="AG98" s="145"/>
      <c r="AH98" s="146"/>
      <c r="AI98" s="92"/>
      <c r="AJ98" s="92"/>
      <c r="AK98" s="92"/>
      <c r="AL98" s="92"/>
      <c r="AM98" s="148"/>
      <c r="AN98" s="92"/>
      <c r="AO98" s="145"/>
    </row>
    <row r="99" spans="1:41" ht="15.95" customHeight="1" x14ac:dyDescent="0.15">
      <c r="A99" s="234"/>
      <c r="B99" s="91"/>
      <c r="C99" s="91"/>
      <c r="D99" s="91"/>
      <c r="E99" s="227"/>
      <c r="F99" s="132"/>
      <c r="G99" s="132"/>
      <c r="H99" s="228"/>
      <c r="I99" s="486" t="s">
        <v>262</v>
      </c>
      <c r="J99" s="487"/>
      <c r="K99" s="487"/>
      <c r="L99" s="488"/>
      <c r="M99" s="173" t="s">
        <v>263</v>
      </c>
      <c r="N99" s="92"/>
      <c r="O99" s="92"/>
      <c r="P99" s="92"/>
      <c r="Q99" s="194" t="s">
        <v>25</v>
      </c>
      <c r="R99" s="480"/>
      <c r="S99" s="480"/>
      <c r="T99" s="480"/>
      <c r="U99" s="480"/>
      <c r="V99" s="480"/>
      <c r="W99" s="480"/>
      <c r="X99" s="480"/>
      <c r="Y99" s="103" t="s">
        <v>215</v>
      </c>
      <c r="Z99" s="102"/>
      <c r="AA99" s="102"/>
      <c r="AB99" s="102"/>
      <c r="AC99" s="102"/>
      <c r="AD99" s="102"/>
      <c r="AE99" s="102"/>
      <c r="AF99" s="102"/>
      <c r="AG99" s="145"/>
      <c r="AH99" s="146"/>
      <c r="AI99" s="92"/>
      <c r="AJ99" s="92"/>
      <c r="AK99" s="92"/>
      <c r="AL99" s="92"/>
      <c r="AM99" s="148"/>
      <c r="AN99" s="92"/>
      <c r="AO99" s="145"/>
    </row>
    <row r="100" spans="1:41" ht="15.95" customHeight="1" x14ac:dyDescent="0.15">
      <c r="A100" s="234"/>
      <c r="B100" s="91"/>
      <c r="C100" s="91"/>
      <c r="D100" s="91"/>
      <c r="E100" s="227"/>
      <c r="F100" s="132"/>
      <c r="G100" s="132"/>
      <c r="H100" s="228"/>
      <c r="I100" s="148"/>
      <c r="J100" s="92"/>
      <c r="K100" s="92"/>
      <c r="L100" s="145"/>
      <c r="M100" s="173" t="s">
        <v>264</v>
      </c>
      <c r="N100" s="103"/>
      <c r="O100" s="103"/>
      <c r="P100" s="103"/>
      <c r="Q100" s="102" t="s">
        <v>144</v>
      </c>
      <c r="R100" s="431"/>
      <c r="S100" s="431"/>
      <c r="T100" s="431"/>
      <c r="U100" s="431"/>
      <c r="V100" s="431"/>
      <c r="W100" s="431"/>
      <c r="X100" s="431"/>
      <c r="Y100" s="431"/>
      <c r="Z100" s="431"/>
      <c r="AA100" s="431"/>
      <c r="AB100" s="431"/>
      <c r="AC100" s="431"/>
      <c r="AD100" s="102" t="s">
        <v>112</v>
      </c>
      <c r="AE100" s="102"/>
      <c r="AF100" s="102"/>
      <c r="AG100" s="145"/>
      <c r="AH100" s="146"/>
      <c r="AI100" s="92"/>
      <c r="AJ100" s="92"/>
      <c r="AK100" s="92"/>
      <c r="AL100" s="92"/>
      <c r="AM100" s="148"/>
      <c r="AN100" s="92"/>
      <c r="AO100" s="145"/>
    </row>
    <row r="101" spans="1:41" ht="15.95" customHeight="1" x14ac:dyDescent="0.15">
      <c r="A101" s="234"/>
      <c r="B101" s="91"/>
      <c r="C101" s="91"/>
      <c r="D101" s="91"/>
      <c r="E101" s="473" t="s">
        <v>246</v>
      </c>
      <c r="F101" s="474"/>
      <c r="G101" s="474"/>
      <c r="H101" s="475"/>
      <c r="I101" s="473" t="s">
        <v>254</v>
      </c>
      <c r="J101" s="474"/>
      <c r="K101" s="474"/>
      <c r="L101" s="475"/>
      <c r="M101" s="138" t="s">
        <v>7</v>
      </c>
      <c r="N101" s="98" t="s">
        <v>255</v>
      </c>
      <c r="O101" s="240"/>
      <c r="P101" s="240"/>
      <c r="Q101" s="206"/>
      <c r="R101" s="206"/>
      <c r="S101" s="206"/>
      <c r="T101" s="206"/>
      <c r="U101" s="206"/>
      <c r="V101" s="206"/>
      <c r="W101" s="206"/>
      <c r="X101" s="206"/>
      <c r="Y101" s="206"/>
      <c r="Z101" s="206"/>
      <c r="AA101" s="206"/>
      <c r="AB101" s="206"/>
      <c r="AC101" s="206"/>
      <c r="AD101" s="206"/>
      <c r="AE101" s="206"/>
      <c r="AF101" s="206"/>
      <c r="AG101" s="142"/>
      <c r="AH101" s="138" t="s">
        <v>7</v>
      </c>
      <c r="AI101" s="98" t="s">
        <v>185</v>
      </c>
      <c r="AJ101" s="98"/>
      <c r="AK101" s="98"/>
      <c r="AL101" s="206"/>
      <c r="AM101" s="141"/>
      <c r="AN101" s="98"/>
      <c r="AO101" s="142"/>
    </row>
    <row r="102" spans="1:41" ht="15.95" customHeight="1" x14ac:dyDescent="0.15">
      <c r="A102" s="234"/>
      <c r="B102" s="91"/>
      <c r="C102" s="91"/>
      <c r="D102" s="91"/>
      <c r="E102" s="227"/>
      <c r="F102" s="132"/>
      <c r="G102" s="132"/>
      <c r="H102" s="228"/>
      <c r="I102" s="486" t="s">
        <v>256</v>
      </c>
      <c r="J102" s="487"/>
      <c r="K102" s="487"/>
      <c r="L102" s="488"/>
      <c r="M102" s="146"/>
      <c r="N102" s="92"/>
      <c r="O102" s="156" t="s">
        <v>257</v>
      </c>
      <c r="P102" s="194"/>
      <c r="Q102" s="431"/>
      <c r="R102" s="431"/>
      <c r="S102" s="431"/>
      <c r="T102" s="431"/>
      <c r="U102" s="431"/>
      <c r="V102" s="431"/>
      <c r="W102" s="431"/>
      <c r="X102" s="431"/>
      <c r="Y102" s="431"/>
      <c r="Z102" s="431"/>
      <c r="AA102" s="102" t="s">
        <v>26</v>
      </c>
      <c r="AB102" s="102"/>
      <c r="AC102" s="102"/>
      <c r="AD102" s="102"/>
      <c r="AE102" s="102"/>
      <c r="AF102" s="102"/>
      <c r="AG102" s="145"/>
      <c r="AH102" s="146" t="s">
        <v>7</v>
      </c>
      <c r="AI102" s="92" t="s">
        <v>208</v>
      </c>
      <c r="AJ102" s="92"/>
      <c r="AK102" s="92"/>
      <c r="AL102" s="102"/>
      <c r="AM102" s="148"/>
      <c r="AN102" s="92"/>
      <c r="AO102" s="145"/>
    </row>
    <row r="103" spans="1:41" ht="15.95" customHeight="1" x14ac:dyDescent="0.15">
      <c r="A103" s="234"/>
      <c r="B103" s="91"/>
      <c r="C103" s="91"/>
      <c r="D103" s="91"/>
      <c r="E103" s="227"/>
      <c r="F103" s="132"/>
      <c r="G103" s="132"/>
      <c r="H103" s="228"/>
      <c r="I103" s="486" t="s">
        <v>258</v>
      </c>
      <c r="J103" s="487"/>
      <c r="K103" s="487"/>
      <c r="L103" s="488"/>
      <c r="M103" s="146" t="s">
        <v>7</v>
      </c>
      <c r="N103" s="92" t="s">
        <v>259</v>
      </c>
      <c r="O103" s="156"/>
      <c r="P103" s="156"/>
      <c r="Q103" s="102"/>
      <c r="R103" s="102"/>
      <c r="S103" s="102"/>
      <c r="T103" s="102"/>
      <c r="U103" s="102"/>
      <c r="V103" s="102"/>
      <c r="W103" s="102"/>
      <c r="X103" s="102"/>
      <c r="Y103" s="102"/>
      <c r="Z103" s="102"/>
      <c r="AA103" s="102"/>
      <c r="AB103" s="102"/>
      <c r="AC103" s="102"/>
      <c r="AD103" s="102"/>
      <c r="AE103" s="102"/>
      <c r="AF103" s="102"/>
      <c r="AG103" s="145"/>
      <c r="AH103" s="146" t="s">
        <v>7</v>
      </c>
      <c r="AI103" s="156"/>
      <c r="AJ103" s="92"/>
      <c r="AK103" s="92"/>
      <c r="AL103" s="92"/>
      <c r="AM103" s="148"/>
      <c r="AN103" s="92"/>
      <c r="AO103" s="145"/>
    </row>
    <row r="104" spans="1:41" ht="15.95" customHeight="1" x14ac:dyDescent="0.15">
      <c r="A104" s="234"/>
      <c r="B104" s="91"/>
      <c r="C104" s="91"/>
      <c r="D104" s="91"/>
      <c r="E104" s="235"/>
      <c r="F104" s="117"/>
      <c r="G104" s="117"/>
      <c r="H104" s="236"/>
      <c r="I104" s="169"/>
      <c r="J104" s="105"/>
      <c r="K104" s="105"/>
      <c r="L104" s="170"/>
      <c r="M104" s="167" t="s">
        <v>7</v>
      </c>
      <c r="N104" s="105" t="s">
        <v>0</v>
      </c>
      <c r="O104" s="238"/>
      <c r="P104" s="190" t="s">
        <v>25</v>
      </c>
      <c r="Q104" s="456"/>
      <c r="R104" s="456"/>
      <c r="S104" s="456"/>
      <c r="T104" s="456"/>
      <c r="U104" s="456"/>
      <c r="V104" s="456"/>
      <c r="W104" s="456"/>
      <c r="X104" s="456"/>
      <c r="Y104" s="456"/>
      <c r="Z104" s="456"/>
      <c r="AA104" s="96" t="s">
        <v>26</v>
      </c>
      <c r="AB104" s="96"/>
      <c r="AC104" s="96"/>
      <c r="AD104" s="96"/>
      <c r="AE104" s="96"/>
      <c r="AF104" s="96"/>
      <c r="AG104" s="170"/>
      <c r="AH104" s="167"/>
      <c r="AI104" s="105"/>
      <c r="AJ104" s="105"/>
      <c r="AK104" s="105"/>
      <c r="AL104" s="96"/>
      <c r="AM104" s="169"/>
      <c r="AN104" s="105"/>
      <c r="AO104" s="170"/>
    </row>
    <row r="105" spans="1:41" ht="15.95" customHeight="1" x14ac:dyDescent="0.15">
      <c r="A105" s="149"/>
      <c r="B105" s="91"/>
      <c r="C105" s="91"/>
      <c r="D105" s="91"/>
      <c r="E105" s="473" t="s">
        <v>708</v>
      </c>
      <c r="F105" s="474"/>
      <c r="G105" s="474"/>
      <c r="H105" s="475"/>
      <c r="I105" s="473" t="s">
        <v>254</v>
      </c>
      <c r="J105" s="474"/>
      <c r="K105" s="474"/>
      <c r="L105" s="475"/>
      <c r="M105" s="151" t="s">
        <v>7</v>
      </c>
      <c r="N105" s="92" t="s">
        <v>709</v>
      </c>
      <c r="O105" s="156"/>
      <c r="P105" s="156"/>
      <c r="Q105" s="102"/>
      <c r="R105" s="102"/>
      <c r="S105" s="102"/>
      <c r="T105" s="102"/>
      <c r="U105" s="102"/>
      <c r="V105" s="102"/>
      <c r="W105" s="102"/>
      <c r="X105" s="102"/>
      <c r="Y105" s="102"/>
      <c r="Z105" s="102"/>
      <c r="AA105" s="102"/>
      <c r="AB105" s="102"/>
      <c r="AC105" s="102"/>
      <c r="AD105" s="102"/>
      <c r="AE105" s="102"/>
      <c r="AF105" s="102"/>
      <c r="AG105" s="145"/>
      <c r="AH105" s="138" t="s">
        <v>7</v>
      </c>
      <c r="AI105" s="98" t="s">
        <v>185</v>
      </c>
      <c r="AJ105" s="98"/>
      <c r="AK105" s="98"/>
      <c r="AL105" s="206"/>
      <c r="AM105" s="141"/>
      <c r="AN105" s="98"/>
      <c r="AO105" s="142"/>
    </row>
    <row r="106" spans="1:41" ht="15.95" customHeight="1" x14ac:dyDescent="0.15">
      <c r="A106" s="149"/>
      <c r="B106" s="91"/>
      <c r="C106" s="91"/>
      <c r="D106" s="91"/>
      <c r="E106" s="486" t="s">
        <v>710</v>
      </c>
      <c r="F106" s="487"/>
      <c r="G106" s="487"/>
      <c r="H106" s="488"/>
      <c r="I106" s="486" t="s">
        <v>256</v>
      </c>
      <c r="J106" s="487"/>
      <c r="K106" s="487"/>
      <c r="L106" s="488"/>
      <c r="M106" s="146"/>
      <c r="N106" s="92" t="s">
        <v>711</v>
      </c>
      <c r="O106" s="156"/>
      <c r="P106" s="194"/>
      <c r="Q106" s="92"/>
      <c r="R106" s="92"/>
      <c r="S106" s="92"/>
      <c r="T106" s="92"/>
      <c r="U106" s="92"/>
      <c r="V106" s="92"/>
      <c r="W106" s="92"/>
      <c r="X106" s="92"/>
      <c r="Y106" s="92"/>
      <c r="Z106" s="92"/>
      <c r="AA106" s="102"/>
      <c r="AB106" s="102"/>
      <c r="AC106" s="102"/>
      <c r="AD106" s="102"/>
      <c r="AE106" s="102"/>
      <c r="AF106" s="102"/>
      <c r="AG106" s="145"/>
      <c r="AH106" s="146" t="s">
        <v>7</v>
      </c>
      <c r="AI106" s="92" t="s">
        <v>208</v>
      </c>
      <c r="AJ106" s="92"/>
      <c r="AK106" s="92"/>
      <c r="AL106" s="102"/>
      <c r="AM106" s="148"/>
      <c r="AN106" s="92"/>
      <c r="AO106" s="145"/>
    </row>
    <row r="107" spans="1:41" ht="15.95" customHeight="1" x14ac:dyDescent="0.15">
      <c r="A107" s="149"/>
      <c r="B107" s="91"/>
      <c r="C107" s="91"/>
      <c r="D107" s="91"/>
      <c r="E107" s="227"/>
      <c r="F107" s="132"/>
      <c r="G107" s="132"/>
      <c r="H107" s="228"/>
      <c r="I107" s="486" t="s">
        <v>258</v>
      </c>
      <c r="J107" s="487"/>
      <c r="K107" s="487"/>
      <c r="L107" s="488"/>
      <c r="M107" s="151" t="s">
        <v>7</v>
      </c>
      <c r="N107" s="92" t="s">
        <v>712</v>
      </c>
      <c r="O107" s="156"/>
      <c r="P107" s="156"/>
      <c r="Q107" s="102"/>
      <c r="R107" s="102"/>
      <c r="S107" s="102"/>
      <c r="T107" s="102"/>
      <c r="U107" s="102"/>
      <c r="V107" s="102"/>
      <c r="W107" s="102"/>
      <c r="X107" s="102"/>
      <c r="Y107" s="102"/>
      <c r="Z107" s="102"/>
      <c r="AA107" s="102"/>
      <c r="AB107" s="102"/>
      <c r="AC107" s="102"/>
      <c r="AD107" s="102"/>
      <c r="AE107" s="102"/>
      <c r="AF107" s="102"/>
      <c r="AG107" s="145"/>
      <c r="AH107" s="146" t="s">
        <v>7</v>
      </c>
      <c r="AI107" s="156"/>
      <c r="AJ107" s="92"/>
      <c r="AK107" s="92"/>
      <c r="AL107" s="92"/>
      <c r="AM107" s="148"/>
      <c r="AN107" s="92"/>
      <c r="AO107" s="145"/>
    </row>
    <row r="108" spans="1:41" ht="15.95" customHeight="1" x14ac:dyDescent="0.15">
      <c r="A108" s="149"/>
      <c r="B108" s="91"/>
      <c r="C108" s="91"/>
      <c r="D108" s="91"/>
      <c r="E108" s="227"/>
      <c r="F108" s="132"/>
      <c r="G108" s="132"/>
      <c r="H108" s="228"/>
      <c r="I108" s="203"/>
      <c r="J108" s="204"/>
      <c r="K108" s="204"/>
      <c r="L108" s="205"/>
      <c r="M108" s="151" t="s">
        <v>7</v>
      </c>
      <c r="N108" s="92" t="s">
        <v>713</v>
      </c>
      <c r="O108" s="156"/>
      <c r="P108" s="156"/>
      <c r="Q108" s="102"/>
      <c r="R108" s="102"/>
      <c r="S108" s="102"/>
      <c r="T108" s="102"/>
      <c r="U108" s="102"/>
      <c r="V108" s="102"/>
      <c r="W108" s="102"/>
      <c r="X108" s="102"/>
      <c r="Y108" s="102"/>
      <c r="Z108" s="102"/>
      <c r="AA108" s="102"/>
      <c r="AB108" s="102"/>
      <c r="AC108" s="102"/>
      <c r="AD108" s="102"/>
      <c r="AE108" s="102"/>
      <c r="AF108" s="102"/>
      <c r="AG108" s="145"/>
      <c r="AH108" s="146"/>
      <c r="AI108" s="156"/>
      <c r="AJ108" s="92"/>
      <c r="AK108" s="92"/>
      <c r="AL108" s="92"/>
      <c r="AM108" s="148"/>
      <c r="AN108" s="92"/>
      <c r="AO108" s="145"/>
    </row>
    <row r="109" spans="1:41" ht="15.95" customHeight="1" x14ac:dyDescent="0.15">
      <c r="A109" s="149"/>
      <c r="B109" s="91"/>
      <c r="C109" s="91"/>
      <c r="D109" s="91"/>
      <c r="E109" s="235"/>
      <c r="F109" s="117"/>
      <c r="G109" s="117"/>
      <c r="H109" s="236"/>
      <c r="I109" s="169"/>
      <c r="J109" s="105"/>
      <c r="K109" s="105"/>
      <c r="L109" s="170"/>
      <c r="M109" s="151"/>
      <c r="N109" s="92" t="s">
        <v>714</v>
      </c>
      <c r="O109" s="156"/>
      <c r="P109" s="194"/>
      <c r="Q109" s="92"/>
      <c r="R109" s="92"/>
      <c r="S109" s="92"/>
      <c r="T109" s="92"/>
      <c r="U109" s="92"/>
      <c r="V109" s="92"/>
      <c r="W109" s="92"/>
      <c r="X109" s="92"/>
      <c r="Y109" s="92"/>
      <c r="Z109" s="92"/>
      <c r="AA109" s="102"/>
      <c r="AB109" s="102"/>
      <c r="AC109" s="102"/>
      <c r="AD109" s="102"/>
      <c r="AE109" s="102"/>
      <c r="AF109" s="102"/>
      <c r="AG109" s="145"/>
      <c r="AH109" s="167"/>
      <c r="AI109" s="105"/>
      <c r="AJ109" s="105"/>
      <c r="AK109" s="105"/>
      <c r="AL109" s="96"/>
      <c r="AM109" s="169"/>
      <c r="AN109" s="105"/>
      <c r="AO109" s="170"/>
    </row>
    <row r="110" spans="1:41" ht="15.95" customHeight="1" x14ac:dyDescent="0.15">
      <c r="A110" s="149"/>
      <c r="B110" s="91"/>
      <c r="C110" s="91"/>
      <c r="D110" s="91"/>
      <c r="E110" s="473" t="s">
        <v>715</v>
      </c>
      <c r="F110" s="474"/>
      <c r="G110" s="474"/>
      <c r="H110" s="475"/>
      <c r="I110" s="141"/>
      <c r="J110" s="98"/>
      <c r="K110" s="98"/>
      <c r="L110" s="98"/>
      <c r="M110" s="138" t="s">
        <v>7</v>
      </c>
      <c r="N110" s="98" t="s">
        <v>716</v>
      </c>
      <c r="O110" s="240"/>
      <c r="P110" s="240"/>
      <c r="Q110" s="206"/>
      <c r="R110" s="206"/>
      <c r="S110" s="206"/>
      <c r="T110" s="206"/>
      <c r="U110" s="206"/>
      <c r="V110" s="206"/>
      <c r="W110" s="206"/>
      <c r="X110" s="206"/>
      <c r="Y110" s="206"/>
      <c r="Z110" s="206"/>
      <c r="AA110" s="206"/>
      <c r="AB110" s="206"/>
      <c r="AC110" s="206"/>
      <c r="AD110" s="206"/>
      <c r="AE110" s="206"/>
      <c r="AF110" s="206"/>
      <c r="AG110" s="142"/>
      <c r="AH110" s="140" t="s">
        <v>7</v>
      </c>
      <c r="AI110" s="98" t="s">
        <v>185</v>
      </c>
      <c r="AJ110" s="98"/>
      <c r="AK110" s="98"/>
      <c r="AL110" s="206"/>
      <c r="AM110" s="141"/>
      <c r="AN110" s="98"/>
      <c r="AO110" s="142"/>
    </row>
    <row r="111" spans="1:41" ht="15.95" customHeight="1" x14ac:dyDescent="0.15">
      <c r="A111" s="149"/>
      <c r="B111" s="91"/>
      <c r="C111" s="91"/>
      <c r="D111" s="91"/>
      <c r="E111" s="486" t="s">
        <v>717</v>
      </c>
      <c r="F111" s="487"/>
      <c r="G111" s="487"/>
      <c r="H111" s="488"/>
      <c r="I111" s="148"/>
      <c r="J111" s="92"/>
      <c r="K111" s="92"/>
      <c r="L111" s="92"/>
      <c r="M111" s="146"/>
      <c r="N111" s="92" t="s">
        <v>718</v>
      </c>
      <c r="O111" s="156"/>
      <c r="P111" s="194"/>
      <c r="Q111" s="92"/>
      <c r="R111" s="92"/>
      <c r="S111" s="92"/>
      <c r="T111" s="92"/>
      <c r="U111" s="92"/>
      <c r="V111" s="92"/>
      <c r="W111" s="92"/>
      <c r="X111" s="92"/>
      <c r="Y111" s="92"/>
      <c r="Z111" s="92"/>
      <c r="AA111" s="102"/>
      <c r="AB111" s="102"/>
      <c r="AC111" s="102"/>
      <c r="AD111" s="102"/>
      <c r="AE111" s="102"/>
      <c r="AF111" s="102"/>
      <c r="AG111" s="145"/>
      <c r="AH111" s="151" t="s">
        <v>7</v>
      </c>
      <c r="AI111" s="92" t="s">
        <v>208</v>
      </c>
      <c r="AJ111" s="92"/>
      <c r="AK111" s="92"/>
      <c r="AL111" s="102"/>
      <c r="AM111" s="148"/>
      <c r="AN111" s="92"/>
      <c r="AO111" s="145"/>
    </row>
    <row r="112" spans="1:41" ht="15.95" customHeight="1" x14ac:dyDescent="0.15">
      <c r="A112" s="149"/>
      <c r="B112" s="91"/>
      <c r="C112" s="91"/>
      <c r="D112" s="91"/>
      <c r="E112" s="227"/>
      <c r="F112" s="132"/>
      <c r="G112" s="132"/>
      <c r="H112" s="228"/>
      <c r="I112" s="148"/>
      <c r="J112" s="92"/>
      <c r="K112" s="92"/>
      <c r="L112" s="92"/>
      <c r="M112" s="146" t="s">
        <v>7</v>
      </c>
      <c r="N112" s="92" t="s">
        <v>719</v>
      </c>
      <c r="O112" s="156"/>
      <c r="P112" s="156"/>
      <c r="Q112" s="102"/>
      <c r="R112" s="102"/>
      <c r="S112" s="102"/>
      <c r="T112" s="102"/>
      <c r="U112" s="102"/>
      <c r="V112" s="102"/>
      <c r="W112" s="102"/>
      <c r="X112" s="102"/>
      <c r="Y112" s="102"/>
      <c r="Z112" s="102"/>
      <c r="AA112" s="102"/>
      <c r="AB112" s="102"/>
      <c r="AC112" s="102"/>
      <c r="AD112" s="102"/>
      <c r="AE112" s="102"/>
      <c r="AF112" s="102"/>
      <c r="AG112" s="145"/>
      <c r="AH112" s="151" t="s">
        <v>7</v>
      </c>
      <c r="AI112" s="156"/>
      <c r="AJ112" s="92"/>
      <c r="AK112" s="92"/>
      <c r="AL112" s="92"/>
      <c r="AM112" s="148"/>
      <c r="AN112" s="92"/>
      <c r="AO112" s="145"/>
    </row>
    <row r="113" spans="1:41" ht="15.95" customHeight="1" x14ac:dyDescent="0.15">
      <c r="A113" s="149"/>
      <c r="B113" s="91"/>
      <c r="C113" s="91"/>
      <c r="D113" s="91"/>
      <c r="E113" s="227"/>
      <c r="F113" s="132"/>
      <c r="G113" s="132"/>
      <c r="H113" s="228"/>
      <c r="I113" s="148"/>
      <c r="J113" s="92"/>
      <c r="K113" s="92"/>
      <c r="L113" s="92"/>
      <c r="M113" s="146"/>
      <c r="N113" s="92" t="s">
        <v>720</v>
      </c>
      <c r="O113" s="156"/>
      <c r="P113" s="156"/>
      <c r="Q113" s="102"/>
      <c r="R113" s="102"/>
      <c r="S113" s="102"/>
      <c r="T113" s="102"/>
      <c r="U113" s="102"/>
      <c r="V113" s="102"/>
      <c r="W113" s="102"/>
      <c r="X113" s="102"/>
      <c r="Y113" s="102"/>
      <c r="Z113" s="102"/>
      <c r="AA113" s="102"/>
      <c r="AB113" s="102"/>
      <c r="AC113" s="102"/>
      <c r="AD113" s="102"/>
      <c r="AE113" s="102"/>
      <c r="AF113" s="102"/>
      <c r="AG113" s="145"/>
      <c r="AH113" s="151"/>
      <c r="AI113" s="156"/>
      <c r="AJ113" s="92"/>
      <c r="AK113" s="92"/>
      <c r="AL113" s="92"/>
      <c r="AM113" s="148"/>
      <c r="AN113" s="92"/>
      <c r="AO113" s="145"/>
    </row>
    <row r="114" spans="1:41" ht="15.95" customHeight="1" x14ac:dyDescent="0.15">
      <c r="A114" s="149"/>
      <c r="B114" s="91"/>
      <c r="C114" s="91"/>
      <c r="D114" s="91"/>
      <c r="E114" s="227"/>
      <c r="F114" s="132"/>
      <c r="G114" s="132"/>
      <c r="H114" s="228"/>
      <c r="I114" s="148"/>
      <c r="J114" s="92"/>
      <c r="K114" s="92"/>
      <c r="L114" s="92"/>
      <c r="M114" s="146" t="s">
        <v>7</v>
      </c>
      <c r="N114" s="92" t="s">
        <v>721</v>
      </c>
      <c r="O114" s="156"/>
      <c r="P114" s="156"/>
      <c r="Q114" s="102"/>
      <c r="R114" s="102"/>
      <c r="S114" s="102"/>
      <c r="T114" s="102"/>
      <c r="U114" s="102"/>
      <c r="V114" s="102"/>
      <c r="W114" s="102"/>
      <c r="X114" s="102"/>
      <c r="Y114" s="102"/>
      <c r="Z114" s="102"/>
      <c r="AA114" s="102"/>
      <c r="AB114" s="102"/>
      <c r="AC114" s="102"/>
      <c r="AD114" s="102"/>
      <c r="AE114" s="102"/>
      <c r="AF114" s="102"/>
      <c r="AG114" s="145"/>
      <c r="AH114" s="151"/>
      <c r="AI114" s="156"/>
      <c r="AJ114" s="92"/>
      <c r="AK114" s="92"/>
      <c r="AL114" s="92"/>
      <c r="AM114" s="148"/>
      <c r="AN114" s="92"/>
      <c r="AO114" s="145"/>
    </row>
    <row r="115" spans="1:41" ht="15.95" customHeight="1" x14ac:dyDescent="0.15">
      <c r="A115" s="149"/>
      <c r="B115" s="91"/>
      <c r="C115" s="91"/>
      <c r="D115" s="91"/>
      <c r="E115" s="235"/>
      <c r="F115" s="117"/>
      <c r="G115" s="117"/>
      <c r="H115" s="236"/>
      <c r="I115" s="169"/>
      <c r="J115" s="105"/>
      <c r="K115" s="105"/>
      <c r="L115" s="105"/>
      <c r="M115" s="167"/>
      <c r="N115" s="105" t="s">
        <v>722</v>
      </c>
      <c r="O115" s="238"/>
      <c r="P115" s="238"/>
      <c r="Q115" s="96"/>
      <c r="R115" s="96"/>
      <c r="S115" s="96"/>
      <c r="T115" s="96"/>
      <c r="U115" s="96"/>
      <c r="V115" s="96"/>
      <c r="W115" s="96"/>
      <c r="X115" s="96"/>
      <c r="Y115" s="96"/>
      <c r="Z115" s="96"/>
      <c r="AA115" s="96"/>
      <c r="AB115" s="96"/>
      <c r="AC115" s="96"/>
      <c r="AD115" s="96"/>
      <c r="AE115" s="96"/>
      <c r="AF115" s="96"/>
      <c r="AG115" s="170"/>
      <c r="AH115" s="126"/>
      <c r="AI115" s="238"/>
      <c r="AJ115" s="105"/>
      <c r="AK115" s="105"/>
      <c r="AL115" s="105"/>
      <c r="AM115" s="169"/>
      <c r="AN115" s="105"/>
      <c r="AO115" s="170"/>
    </row>
    <row r="116" spans="1:41" ht="15.95" customHeight="1" x14ac:dyDescent="0.15">
      <c r="A116" s="149"/>
      <c r="B116" s="91"/>
      <c r="C116" s="91"/>
      <c r="D116" s="91"/>
      <c r="E116" s="486" t="s">
        <v>723</v>
      </c>
      <c r="F116" s="487"/>
      <c r="G116" s="487"/>
      <c r="H116" s="488"/>
      <c r="I116" s="148"/>
      <c r="J116" s="92"/>
      <c r="K116" s="92"/>
      <c r="L116" s="145"/>
      <c r="M116" s="151" t="s">
        <v>7</v>
      </c>
      <c r="N116" s="92" t="s">
        <v>724</v>
      </c>
      <c r="O116" s="156"/>
      <c r="P116" s="194"/>
      <c r="Q116" s="102"/>
      <c r="R116" s="102"/>
      <c r="S116" s="102"/>
      <c r="T116" s="102"/>
      <c r="U116" s="102"/>
      <c r="V116" s="102"/>
      <c r="W116" s="102"/>
      <c r="X116" s="102"/>
      <c r="Y116" s="102"/>
      <c r="Z116" s="102"/>
      <c r="AA116" s="102"/>
      <c r="AB116" s="102"/>
      <c r="AC116" s="102"/>
      <c r="AD116" s="102"/>
      <c r="AE116" s="102"/>
      <c r="AF116" s="102"/>
      <c r="AG116" s="145"/>
      <c r="AH116" s="151" t="s">
        <v>7</v>
      </c>
      <c r="AI116" s="98" t="s">
        <v>185</v>
      </c>
      <c r="AJ116" s="92"/>
      <c r="AK116" s="92"/>
      <c r="AL116" s="102"/>
      <c r="AM116" s="148"/>
      <c r="AN116" s="92"/>
      <c r="AO116" s="145"/>
    </row>
    <row r="117" spans="1:41" ht="15.95" customHeight="1" x14ac:dyDescent="0.15">
      <c r="A117" s="149"/>
      <c r="B117" s="91"/>
      <c r="C117" s="91"/>
      <c r="D117" s="91"/>
      <c r="E117" s="486" t="s">
        <v>725</v>
      </c>
      <c r="F117" s="487"/>
      <c r="G117" s="487"/>
      <c r="H117" s="488"/>
      <c r="I117" s="148"/>
      <c r="J117" s="92"/>
      <c r="K117" s="92"/>
      <c r="L117" s="145"/>
      <c r="M117" s="102"/>
      <c r="N117" s="151" t="s">
        <v>7</v>
      </c>
      <c r="O117" s="156" t="s">
        <v>726</v>
      </c>
      <c r="P117" s="194"/>
      <c r="Q117" s="102"/>
      <c r="R117" s="102"/>
      <c r="S117" s="102"/>
      <c r="T117" s="102"/>
      <c r="U117" s="102"/>
      <c r="V117" s="102"/>
      <c r="W117" s="102"/>
      <c r="X117" s="102"/>
      <c r="Y117" s="102"/>
      <c r="Z117" s="102"/>
      <c r="AA117" s="102"/>
      <c r="AB117" s="102"/>
      <c r="AC117" s="102"/>
      <c r="AD117" s="102"/>
      <c r="AE117" s="102"/>
      <c r="AF117" s="102"/>
      <c r="AG117" s="145"/>
      <c r="AH117" s="151" t="s">
        <v>7</v>
      </c>
      <c r="AI117" s="92" t="s">
        <v>727</v>
      </c>
      <c r="AJ117" s="92"/>
      <c r="AK117" s="92"/>
      <c r="AL117" s="102"/>
      <c r="AM117" s="148"/>
      <c r="AN117" s="92"/>
      <c r="AO117" s="145"/>
    </row>
    <row r="118" spans="1:41" ht="15.95" customHeight="1" x14ac:dyDescent="0.15">
      <c r="A118" s="149"/>
      <c r="B118" s="91"/>
      <c r="C118" s="91"/>
      <c r="D118" s="91"/>
      <c r="E118" s="227"/>
      <c r="F118" s="132"/>
      <c r="G118" s="132"/>
      <c r="H118" s="228"/>
      <c r="I118" s="148"/>
      <c r="J118" s="92"/>
      <c r="K118" s="92"/>
      <c r="L118" s="145"/>
      <c r="M118" s="102"/>
      <c r="N118" s="92"/>
      <c r="O118" s="156"/>
      <c r="P118" s="194"/>
      <c r="Q118" s="102"/>
      <c r="R118" s="102"/>
      <c r="S118" s="102"/>
      <c r="T118" s="102"/>
      <c r="U118" s="102"/>
      <c r="V118" s="102"/>
      <c r="W118" s="102"/>
      <c r="X118" s="102"/>
      <c r="Y118" s="102"/>
      <c r="Z118" s="102"/>
      <c r="AA118" s="102"/>
      <c r="AB118" s="102"/>
      <c r="AC118" s="102"/>
      <c r="AD118" s="102"/>
      <c r="AE118" s="102"/>
      <c r="AF118" s="102"/>
      <c r="AG118" s="145"/>
      <c r="AH118" s="151" t="s">
        <v>7</v>
      </c>
      <c r="AI118" s="92" t="s">
        <v>728</v>
      </c>
      <c r="AJ118" s="92"/>
      <c r="AK118" s="92"/>
      <c r="AL118" s="102"/>
      <c r="AM118" s="148"/>
      <c r="AN118" s="92"/>
      <c r="AO118" s="145"/>
    </row>
    <row r="119" spans="1:41" ht="15.95" customHeight="1" x14ac:dyDescent="0.15">
      <c r="A119" s="149"/>
      <c r="B119" s="91"/>
      <c r="C119" s="91"/>
      <c r="D119" s="91"/>
      <c r="E119" s="227"/>
      <c r="F119" s="132"/>
      <c r="G119" s="132"/>
      <c r="H119" s="228"/>
      <c r="I119" s="148"/>
      <c r="J119" s="92"/>
      <c r="K119" s="92"/>
      <c r="L119" s="145"/>
      <c r="M119" s="175" t="s">
        <v>66</v>
      </c>
      <c r="N119" s="92" t="s">
        <v>729</v>
      </c>
      <c r="O119" s="156"/>
      <c r="P119" s="194"/>
      <c r="Q119" s="102"/>
      <c r="R119" s="102"/>
      <c r="S119" s="102"/>
      <c r="T119" s="102"/>
      <c r="U119" s="102"/>
      <c r="V119" s="102"/>
      <c r="W119" s="102"/>
      <c r="X119" s="102"/>
      <c r="Y119" s="102"/>
      <c r="Z119" s="102"/>
      <c r="AA119" s="102"/>
      <c r="AB119" s="102"/>
      <c r="AC119" s="102"/>
      <c r="AD119" s="102"/>
      <c r="AE119" s="102"/>
      <c r="AF119" s="102"/>
      <c r="AG119" s="145"/>
      <c r="AH119" s="151" t="s">
        <v>7</v>
      </c>
      <c r="AI119" s="92"/>
      <c r="AJ119" s="92"/>
      <c r="AK119" s="92"/>
      <c r="AL119" s="102"/>
      <c r="AM119" s="148"/>
      <c r="AN119" s="92"/>
      <c r="AO119" s="145"/>
    </row>
    <row r="120" spans="1:41" ht="15.95" customHeight="1" x14ac:dyDescent="0.15">
      <c r="A120" s="149"/>
      <c r="B120" s="91"/>
      <c r="C120" s="91"/>
      <c r="D120" s="91"/>
      <c r="E120" s="227"/>
      <c r="F120" s="132"/>
      <c r="G120" s="132"/>
      <c r="H120" s="228"/>
      <c r="I120" s="148"/>
      <c r="J120" s="92"/>
      <c r="K120" s="92"/>
      <c r="L120" s="145"/>
      <c r="M120" s="102"/>
      <c r="N120" s="151" t="s">
        <v>7</v>
      </c>
      <c r="O120" s="156" t="s">
        <v>730</v>
      </c>
      <c r="P120" s="194"/>
      <c r="Q120" s="102"/>
      <c r="R120" s="102"/>
      <c r="S120" s="102"/>
      <c r="T120" s="102"/>
      <c r="U120" s="102"/>
      <c r="V120" s="102"/>
      <c r="W120" s="102"/>
      <c r="X120" s="102"/>
      <c r="Y120" s="102"/>
      <c r="Z120" s="102"/>
      <c r="AA120" s="102"/>
      <c r="AB120" s="102"/>
      <c r="AC120" s="102"/>
      <c r="AD120" s="102"/>
      <c r="AE120" s="102"/>
      <c r="AF120" s="102"/>
      <c r="AG120" s="145"/>
      <c r="AH120" s="151" t="s">
        <v>7</v>
      </c>
      <c r="AI120" s="92"/>
      <c r="AJ120" s="92"/>
      <c r="AK120" s="92"/>
      <c r="AL120" s="102"/>
      <c r="AM120" s="148"/>
      <c r="AN120" s="92"/>
      <c r="AO120" s="145"/>
    </row>
    <row r="121" spans="1:41" ht="15.95" customHeight="1" x14ac:dyDescent="0.15">
      <c r="A121" s="149"/>
      <c r="B121" s="91"/>
      <c r="C121" s="91"/>
      <c r="D121" s="91"/>
      <c r="E121" s="227"/>
      <c r="F121" s="132"/>
      <c r="G121" s="132"/>
      <c r="H121" s="228"/>
      <c r="I121" s="148"/>
      <c r="J121" s="92"/>
      <c r="K121" s="92"/>
      <c r="L121" s="145"/>
      <c r="M121" s="102"/>
      <c r="N121" s="151" t="s">
        <v>7</v>
      </c>
      <c r="O121" s="156" t="s">
        <v>731</v>
      </c>
      <c r="P121" s="194"/>
      <c r="Q121" s="102"/>
      <c r="R121" s="102"/>
      <c r="S121" s="102"/>
      <c r="T121" s="102"/>
      <c r="U121" s="102"/>
      <c r="V121" s="102"/>
      <c r="W121" s="102"/>
      <c r="X121" s="102"/>
      <c r="Y121" s="102"/>
      <c r="Z121" s="102"/>
      <c r="AA121" s="102"/>
      <c r="AB121" s="102"/>
      <c r="AC121" s="102"/>
      <c r="AD121" s="102"/>
      <c r="AE121" s="102"/>
      <c r="AF121" s="102"/>
      <c r="AG121" s="145"/>
      <c r="AH121" s="146"/>
      <c r="AI121" s="92"/>
      <c r="AJ121" s="92"/>
      <c r="AK121" s="92"/>
      <c r="AL121" s="102"/>
      <c r="AM121" s="148"/>
      <c r="AN121" s="92"/>
      <c r="AO121" s="145"/>
    </row>
    <row r="122" spans="1:41" ht="15.95" customHeight="1" x14ac:dyDescent="0.15">
      <c r="A122" s="149"/>
      <c r="B122" s="91"/>
      <c r="C122" s="91"/>
      <c r="D122" s="91"/>
      <c r="E122" s="227"/>
      <c r="F122" s="132"/>
      <c r="G122" s="132"/>
      <c r="H122" s="228"/>
      <c r="I122" s="148"/>
      <c r="J122" s="92"/>
      <c r="K122" s="92"/>
      <c r="L122" s="145"/>
      <c r="M122" s="102"/>
      <c r="N122" s="151" t="s">
        <v>7</v>
      </c>
      <c r="O122" s="156" t="s">
        <v>732</v>
      </c>
      <c r="P122" s="194"/>
      <c r="Q122" s="102"/>
      <c r="R122" s="102"/>
      <c r="S122" s="102"/>
      <c r="T122" s="102"/>
      <c r="U122" s="102"/>
      <c r="V122" s="102"/>
      <c r="W122" s="102"/>
      <c r="X122" s="102"/>
      <c r="Y122" s="102"/>
      <c r="Z122" s="102"/>
      <c r="AA122" s="102"/>
      <c r="AB122" s="102"/>
      <c r="AC122" s="102"/>
      <c r="AD122" s="102"/>
      <c r="AE122" s="102"/>
      <c r="AF122" s="102"/>
      <c r="AG122" s="145"/>
      <c r="AH122" s="146"/>
      <c r="AI122" s="92"/>
      <c r="AJ122" s="92"/>
      <c r="AK122" s="92"/>
      <c r="AL122" s="102"/>
      <c r="AM122" s="148"/>
      <c r="AN122" s="92"/>
      <c r="AO122" s="145"/>
    </row>
    <row r="123" spans="1:41" ht="15.95" customHeight="1" x14ac:dyDescent="0.15">
      <c r="A123" s="149"/>
      <c r="B123" s="91"/>
      <c r="C123" s="91"/>
      <c r="D123" s="91"/>
      <c r="E123" s="227"/>
      <c r="F123" s="132"/>
      <c r="G123" s="132"/>
      <c r="H123" s="228"/>
      <c r="I123" s="148"/>
      <c r="J123" s="92"/>
      <c r="K123" s="92"/>
      <c r="L123" s="145"/>
      <c r="M123" s="102"/>
      <c r="N123" s="102"/>
      <c r="O123" s="156"/>
      <c r="P123" s="194"/>
      <c r="Q123" s="102"/>
      <c r="R123" s="102"/>
      <c r="S123" s="102"/>
      <c r="T123" s="102"/>
      <c r="U123" s="102"/>
      <c r="V123" s="102"/>
      <c r="W123" s="102"/>
      <c r="X123" s="102"/>
      <c r="Y123" s="102"/>
      <c r="Z123" s="102"/>
      <c r="AA123" s="102"/>
      <c r="AB123" s="102"/>
      <c r="AC123" s="102"/>
      <c r="AD123" s="102"/>
      <c r="AE123" s="102"/>
      <c r="AF123" s="102"/>
      <c r="AG123" s="145"/>
      <c r="AH123" s="146"/>
      <c r="AI123" s="92"/>
      <c r="AJ123" s="92"/>
      <c r="AK123" s="92"/>
      <c r="AL123" s="102"/>
      <c r="AM123" s="148"/>
      <c r="AN123" s="92"/>
      <c r="AO123" s="145"/>
    </row>
    <row r="124" spans="1:41" ht="15.95" customHeight="1" x14ac:dyDescent="0.15">
      <c r="A124" s="149"/>
      <c r="B124" s="91"/>
      <c r="C124" s="91"/>
      <c r="D124" s="91"/>
      <c r="E124" s="227"/>
      <c r="F124" s="132"/>
      <c r="G124" s="132"/>
      <c r="H124" s="228"/>
      <c r="I124" s="148"/>
      <c r="J124" s="92"/>
      <c r="K124" s="92"/>
      <c r="L124" s="145"/>
      <c r="M124" s="175" t="s">
        <v>66</v>
      </c>
      <c r="N124" s="92" t="s">
        <v>733</v>
      </c>
      <c r="O124" s="156"/>
      <c r="P124" s="194"/>
      <c r="Q124" s="102"/>
      <c r="R124" s="102"/>
      <c r="S124" s="102"/>
      <c r="T124" s="102"/>
      <c r="U124" s="102"/>
      <c r="V124" s="102"/>
      <c r="W124" s="102"/>
      <c r="X124" s="102"/>
      <c r="Y124" s="102"/>
      <c r="Z124" s="102"/>
      <c r="AA124" s="102"/>
      <c r="AB124" s="102"/>
      <c r="AC124" s="102"/>
      <c r="AD124" s="102"/>
      <c r="AE124" s="102"/>
      <c r="AF124" s="102"/>
      <c r="AG124" s="145"/>
      <c r="AH124" s="146"/>
      <c r="AI124" s="92"/>
      <c r="AJ124" s="92"/>
      <c r="AK124" s="92"/>
      <c r="AL124" s="102"/>
      <c r="AM124" s="148"/>
      <c r="AN124" s="92"/>
      <c r="AO124" s="145"/>
    </row>
    <row r="125" spans="1:41" ht="15.95" customHeight="1" x14ac:dyDescent="0.15">
      <c r="A125" s="149"/>
      <c r="B125" s="91"/>
      <c r="C125" s="91"/>
      <c r="D125" s="91"/>
      <c r="E125" s="227"/>
      <c r="F125" s="132"/>
      <c r="G125" s="132"/>
      <c r="H125" s="228"/>
      <c r="I125" s="148"/>
      <c r="J125" s="92"/>
      <c r="K125" s="92"/>
      <c r="L125" s="145"/>
      <c r="M125" s="102"/>
      <c r="N125" s="151" t="s">
        <v>7</v>
      </c>
      <c r="O125" s="156" t="s">
        <v>734</v>
      </c>
      <c r="P125" s="194"/>
      <c r="Q125" s="102"/>
      <c r="R125" s="102"/>
      <c r="S125" s="102"/>
      <c r="T125" s="102"/>
      <c r="U125" s="102"/>
      <c r="V125" s="102"/>
      <c r="W125" s="102"/>
      <c r="X125" s="102"/>
      <c r="Y125" s="102"/>
      <c r="Z125" s="102"/>
      <c r="AA125" s="102"/>
      <c r="AB125" s="102"/>
      <c r="AC125" s="102"/>
      <c r="AD125" s="102"/>
      <c r="AE125" s="102"/>
      <c r="AF125" s="102"/>
      <c r="AG125" s="145"/>
      <c r="AH125" s="146"/>
      <c r="AI125" s="92"/>
      <c r="AJ125" s="92"/>
      <c r="AK125" s="92"/>
      <c r="AL125" s="102"/>
      <c r="AM125" s="148"/>
      <c r="AN125" s="92"/>
      <c r="AO125" s="145"/>
    </row>
    <row r="126" spans="1:41" ht="15.95" customHeight="1" x14ac:dyDescent="0.15">
      <c r="A126" s="219"/>
      <c r="B126" s="116"/>
      <c r="C126" s="116"/>
      <c r="D126" s="116"/>
      <c r="E126" s="235"/>
      <c r="F126" s="117"/>
      <c r="G126" s="117"/>
      <c r="H126" s="236"/>
      <c r="I126" s="169"/>
      <c r="J126" s="105"/>
      <c r="K126" s="105"/>
      <c r="L126" s="170"/>
      <c r="M126" s="96"/>
      <c r="N126" s="126" t="s">
        <v>7</v>
      </c>
      <c r="O126" s="238" t="s">
        <v>735</v>
      </c>
      <c r="P126" s="190"/>
      <c r="Q126" s="96"/>
      <c r="R126" s="96"/>
      <c r="S126" s="96"/>
      <c r="T126" s="96"/>
      <c r="U126" s="96"/>
      <c r="V126" s="96"/>
      <c r="W126" s="96"/>
      <c r="X126" s="96"/>
      <c r="Y126" s="96"/>
      <c r="Z126" s="96"/>
      <c r="AA126" s="96"/>
      <c r="AB126" s="96"/>
      <c r="AC126" s="96"/>
      <c r="AD126" s="96"/>
      <c r="AE126" s="96"/>
      <c r="AF126" s="96"/>
      <c r="AG126" s="170"/>
      <c r="AH126" s="167"/>
      <c r="AI126" s="105"/>
      <c r="AJ126" s="105"/>
      <c r="AK126" s="105"/>
      <c r="AL126" s="96"/>
      <c r="AM126" s="169"/>
      <c r="AN126" s="105"/>
      <c r="AO126" s="170"/>
    </row>
    <row r="127" spans="1:41" ht="15.95" customHeight="1" x14ac:dyDescent="0.15">
      <c r="A127" s="92" t="s">
        <v>736</v>
      </c>
      <c r="B127" s="91"/>
      <c r="C127" s="91"/>
      <c r="D127" s="91"/>
      <c r="E127" s="92"/>
      <c r="F127" s="92"/>
      <c r="G127" s="92"/>
      <c r="H127" s="92"/>
      <c r="I127" s="92"/>
      <c r="J127" s="92"/>
      <c r="K127" s="92"/>
      <c r="L127" s="92"/>
      <c r="M127" s="175"/>
      <c r="N127" s="151"/>
      <c r="O127" s="92"/>
      <c r="P127" s="103"/>
      <c r="Q127" s="103"/>
      <c r="R127" s="103"/>
      <c r="S127" s="103"/>
      <c r="T127" s="102"/>
      <c r="U127" s="103"/>
      <c r="V127" s="103"/>
      <c r="W127" s="102"/>
      <c r="X127" s="156"/>
      <c r="Y127" s="156"/>
      <c r="Z127" s="156"/>
      <c r="AA127" s="156"/>
      <c r="AB127" s="156"/>
      <c r="AC127" s="156"/>
      <c r="AD127" s="156"/>
      <c r="AE127" s="156"/>
      <c r="AF127" s="156"/>
      <c r="AG127" s="102"/>
      <c r="AH127" s="151"/>
      <c r="AI127" s="92"/>
      <c r="AJ127" s="92"/>
      <c r="AK127" s="92"/>
      <c r="AL127" s="92"/>
      <c r="AM127" s="92"/>
      <c r="AN127" s="92"/>
      <c r="AO127" s="91"/>
    </row>
    <row r="128" spans="1:41" ht="15.95" customHeight="1" x14ac:dyDescent="0.15">
      <c r="A128" s="91"/>
      <c r="B128" s="91"/>
      <c r="C128" s="91"/>
      <c r="D128" s="91"/>
      <c r="E128" s="91"/>
      <c r="F128" s="91"/>
      <c r="G128" s="91"/>
      <c r="H128" s="91"/>
      <c r="I128" s="91"/>
      <c r="J128" s="91"/>
      <c r="K128" s="91"/>
      <c r="L128" s="91"/>
      <c r="M128" s="91"/>
      <c r="N128" s="91"/>
      <c r="O128" s="91"/>
      <c r="P128" s="91"/>
      <c r="Q128" s="91"/>
      <c r="R128" s="91"/>
      <c r="S128" s="91"/>
      <c r="T128" s="91"/>
      <c r="U128" s="91"/>
      <c r="V128" s="91"/>
      <c r="W128" s="91"/>
      <c r="X128" s="91"/>
      <c r="Y128" s="91"/>
      <c r="Z128" s="91"/>
      <c r="AA128" s="91"/>
      <c r="AB128" s="91"/>
      <c r="AC128" s="91"/>
      <c r="AD128" s="91"/>
      <c r="AE128" s="91"/>
      <c r="AF128" s="91"/>
      <c r="AG128" s="91"/>
      <c r="AH128" s="329"/>
      <c r="AI128" s="91"/>
      <c r="AJ128" s="91"/>
      <c r="AK128" s="91"/>
      <c r="AL128" s="91"/>
      <c r="AM128" s="91"/>
      <c r="AN128" s="91"/>
      <c r="AO128" s="91"/>
    </row>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row r="287" ht="15.95" customHeight="1" x14ac:dyDescent="0.15"/>
    <row r="288" ht="15.95" customHeight="1" x14ac:dyDescent="0.15"/>
    <row r="289" ht="15.95" customHeight="1" x14ac:dyDescent="0.15"/>
    <row r="290" ht="15.95" customHeight="1" x14ac:dyDescent="0.15"/>
    <row r="291" ht="15.95" customHeight="1" x14ac:dyDescent="0.15"/>
    <row r="292" ht="15.95" customHeight="1" x14ac:dyDescent="0.15"/>
    <row r="293" ht="15.95" customHeight="1" x14ac:dyDescent="0.15"/>
    <row r="294" ht="15.95" customHeight="1" x14ac:dyDescent="0.15"/>
    <row r="295" ht="15.95" customHeight="1" x14ac:dyDescent="0.15"/>
    <row r="296" ht="15.95" customHeight="1" x14ac:dyDescent="0.15"/>
    <row r="297" ht="15.95" customHeight="1" x14ac:dyDescent="0.15"/>
    <row r="298" ht="15.95" customHeight="1" x14ac:dyDescent="0.15"/>
    <row r="299" ht="15.95" customHeight="1" x14ac:dyDescent="0.15"/>
    <row r="300" ht="15.95" customHeight="1" x14ac:dyDescent="0.15"/>
    <row r="301" ht="15.95" customHeight="1" x14ac:dyDescent="0.15"/>
    <row r="302" ht="15.95" customHeight="1" x14ac:dyDescent="0.15"/>
    <row r="303" ht="15.95" customHeight="1" x14ac:dyDescent="0.15"/>
    <row r="304" ht="15.95" customHeight="1" x14ac:dyDescent="0.15"/>
    <row r="305" ht="15.95" customHeight="1" x14ac:dyDescent="0.15"/>
    <row r="306" ht="15.95" customHeight="1" x14ac:dyDescent="0.15"/>
  </sheetData>
  <mergeCells count="207">
    <mergeCell ref="E117:H117"/>
    <mergeCell ref="E106:H106"/>
    <mergeCell ref="I106:L106"/>
    <mergeCell ref="I107:L107"/>
    <mergeCell ref="E110:H110"/>
    <mergeCell ref="E111:H111"/>
    <mergeCell ref="E116:H116"/>
    <mergeCell ref="I102:L102"/>
    <mergeCell ref="Q102:Z102"/>
    <mergeCell ref="I103:L103"/>
    <mergeCell ref="Q104:Z104"/>
    <mergeCell ref="E105:H105"/>
    <mergeCell ref="I105:L105"/>
    <mergeCell ref="I98:L98"/>
    <mergeCell ref="P98:X98"/>
    <mergeCell ref="I99:L99"/>
    <mergeCell ref="R99:X99"/>
    <mergeCell ref="R100:AC100"/>
    <mergeCell ref="E101:H101"/>
    <mergeCell ref="I101:L101"/>
    <mergeCell ref="Q93:Z93"/>
    <mergeCell ref="I94:L94"/>
    <mergeCell ref="I95:L95"/>
    <mergeCell ref="Q95:Z95"/>
    <mergeCell ref="I96:L96"/>
    <mergeCell ref="Q97:Z97"/>
    <mergeCell ref="I89:L89"/>
    <mergeCell ref="I90:L90"/>
    <mergeCell ref="O90:AA90"/>
    <mergeCell ref="O91:AA91"/>
    <mergeCell ref="E92:H92"/>
    <mergeCell ref="I92:L92"/>
    <mergeCell ref="I82:L82"/>
    <mergeCell ref="R85:AA85"/>
    <mergeCell ref="I86:L86"/>
    <mergeCell ref="I87:L87"/>
    <mergeCell ref="O87:AA87"/>
    <mergeCell ref="O88:AA88"/>
    <mergeCell ref="E78:H78"/>
    <mergeCell ref="I78:L78"/>
    <mergeCell ref="I79:L79"/>
    <mergeCell ref="O79:AA79"/>
    <mergeCell ref="O80:AA80"/>
    <mergeCell ref="I81:L81"/>
    <mergeCell ref="I75:L75"/>
    <mergeCell ref="R75:W75"/>
    <mergeCell ref="Q76:T76"/>
    <mergeCell ref="W76:X76"/>
    <mergeCell ref="Z76:AC76"/>
    <mergeCell ref="Q77:S77"/>
    <mergeCell ref="W77:X77"/>
    <mergeCell ref="Z77:AB77"/>
    <mergeCell ref="Q73:S73"/>
    <mergeCell ref="W73:X73"/>
    <mergeCell ref="Z73:AB73"/>
    <mergeCell ref="E74:H74"/>
    <mergeCell ref="I74:L74"/>
    <mergeCell ref="P74:U74"/>
    <mergeCell ref="Q70:S70"/>
    <mergeCell ref="W70:X70"/>
    <mergeCell ref="Z70:AB70"/>
    <mergeCell ref="I71:L71"/>
    <mergeCell ref="R71:V71"/>
    <mergeCell ref="Q72:T72"/>
    <mergeCell ref="W72:X72"/>
    <mergeCell ref="Z72:AC72"/>
    <mergeCell ref="Q67:S67"/>
    <mergeCell ref="W67:X67"/>
    <mergeCell ref="Z67:AB67"/>
    <mergeCell ref="I68:L68"/>
    <mergeCell ref="R68:V68"/>
    <mergeCell ref="Q69:T69"/>
    <mergeCell ref="W69:X69"/>
    <mergeCell ref="Z69:AC69"/>
    <mergeCell ref="Z63:AC63"/>
    <mergeCell ref="T64:AA64"/>
    <mergeCell ref="I65:L65"/>
    <mergeCell ref="R65:W65"/>
    <mergeCell ref="Q66:T66"/>
    <mergeCell ref="W66:X66"/>
    <mergeCell ref="Z66:AC66"/>
    <mergeCell ref="E62:H62"/>
    <mergeCell ref="I62:L62"/>
    <mergeCell ref="M62:N62"/>
    <mergeCell ref="P62:S62"/>
    <mergeCell ref="Q63:S63"/>
    <mergeCell ref="V63:X63"/>
    <mergeCell ref="I59:L59"/>
    <mergeCell ref="P59:Z59"/>
    <mergeCell ref="Q60:T60"/>
    <mergeCell ref="W60:X60"/>
    <mergeCell ref="Z60:AA60"/>
    <mergeCell ref="Q61:S61"/>
    <mergeCell ref="W61:X61"/>
    <mergeCell ref="Z61:AB61"/>
    <mergeCell ref="E57:H57"/>
    <mergeCell ref="I57:L57"/>
    <mergeCell ref="P57:S57"/>
    <mergeCell ref="W57:X57"/>
    <mergeCell ref="Z57:AC57"/>
    <mergeCell ref="I58:L58"/>
    <mergeCell ref="P58:S58"/>
    <mergeCell ref="Q55:T55"/>
    <mergeCell ref="W55:X55"/>
    <mergeCell ref="Z55:AA55"/>
    <mergeCell ref="Q56:S56"/>
    <mergeCell ref="W56:X56"/>
    <mergeCell ref="Z56:AB56"/>
    <mergeCell ref="I52:L52"/>
    <mergeCell ref="P52:S52"/>
    <mergeCell ref="W52:X52"/>
    <mergeCell ref="Z52:AC52"/>
    <mergeCell ref="P53:S53"/>
    <mergeCell ref="I54:L54"/>
    <mergeCell ref="P54:Z54"/>
    <mergeCell ref="E50:H50"/>
    <mergeCell ref="I50:L50"/>
    <mergeCell ref="P50:S50"/>
    <mergeCell ref="W50:X50"/>
    <mergeCell ref="Z50:AC50"/>
    <mergeCell ref="I51:L51"/>
    <mergeCell ref="P51:S51"/>
    <mergeCell ref="W51:X51"/>
    <mergeCell ref="Z51:AC51"/>
    <mergeCell ref="A46:D46"/>
    <mergeCell ref="E46:H46"/>
    <mergeCell ref="I46:L46"/>
    <mergeCell ref="I47:L47"/>
    <mergeCell ref="I48:L48"/>
    <mergeCell ref="Q49:AF49"/>
    <mergeCell ref="I41:L41"/>
    <mergeCell ref="A44:D45"/>
    <mergeCell ref="E44:H44"/>
    <mergeCell ref="I44:AD44"/>
    <mergeCell ref="AH44:AL45"/>
    <mergeCell ref="AM44:AO44"/>
    <mergeCell ref="E45:H45"/>
    <mergeCell ref="I45:L45"/>
    <mergeCell ref="M45:AG45"/>
    <mergeCell ref="AM45:AO45"/>
    <mergeCell ref="E37:H37"/>
    <mergeCell ref="I37:L37"/>
    <mergeCell ref="S38:AE38"/>
    <mergeCell ref="E39:H39"/>
    <mergeCell ref="I39:L39"/>
    <mergeCell ref="E40:H40"/>
    <mergeCell ref="I40:L40"/>
    <mergeCell ref="X40:AE40"/>
    <mergeCell ref="V35:X35"/>
    <mergeCell ref="AC35:AE35"/>
    <mergeCell ref="E36:H36"/>
    <mergeCell ref="I36:L36"/>
    <mergeCell ref="V36:X36"/>
    <mergeCell ref="AC36:AE36"/>
    <mergeCell ref="E31:H31"/>
    <mergeCell ref="Z31:AD31"/>
    <mergeCell ref="X32:AE32"/>
    <mergeCell ref="I33:L33"/>
    <mergeCell ref="X33:AE33"/>
    <mergeCell ref="V34:X34"/>
    <mergeCell ref="Y34:AA34"/>
    <mergeCell ref="AB34:AE34"/>
    <mergeCell ref="Q26:AD26"/>
    <mergeCell ref="E27:H27"/>
    <mergeCell ref="I27:L27"/>
    <mergeCell ref="O28:AE28"/>
    <mergeCell ref="E30:H30"/>
    <mergeCell ref="I30:L30"/>
    <mergeCell ref="Z30:AD30"/>
    <mergeCell ref="E21:H21"/>
    <mergeCell ref="I21:L21"/>
    <mergeCell ref="E22:H22"/>
    <mergeCell ref="I22:L22"/>
    <mergeCell ref="E23:H23"/>
    <mergeCell ref="Q23:AF23"/>
    <mergeCell ref="I17:L17"/>
    <mergeCell ref="S17:AB17"/>
    <mergeCell ref="W18:AB18"/>
    <mergeCell ref="E19:H19"/>
    <mergeCell ref="I19:L19"/>
    <mergeCell ref="X20:AB20"/>
    <mergeCell ref="W13:AC13"/>
    <mergeCell ref="U14:AE14"/>
    <mergeCell ref="W15:AC15"/>
    <mergeCell ref="E16:H16"/>
    <mergeCell ref="I16:L16"/>
    <mergeCell ref="N16:U16"/>
    <mergeCell ref="W7:AE7"/>
    <mergeCell ref="W8:AE8"/>
    <mergeCell ref="Q9:AA9"/>
    <mergeCell ref="W10:AB10"/>
    <mergeCell ref="Z11:AE11"/>
    <mergeCell ref="Z12:AE12"/>
    <mergeCell ref="AM4:AO4"/>
    <mergeCell ref="A5:D5"/>
    <mergeCell ref="E5:H5"/>
    <mergeCell ref="I5:L6"/>
    <mergeCell ref="A6:D6"/>
    <mergeCell ref="E6:H6"/>
    <mergeCell ref="A3:D4"/>
    <mergeCell ref="E3:H3"/>
    <mergeCell ref="I3:AD3"/>
    <mergeCell ref="AH3:AL4"/>
    <mergeCell ref="AM3:AO3"/>
    <mergeCell ref="E4:H4"/>
    <mergeCell ref="I4:L4"/>
    <mergeCell ref="M4:AG4"/>
  </mergeCells>
  <phoneticPr fontId="20"/>
  <dataValidations count="1">
    <dataValidation type="list" allowBlank="1" showInputMessage="1" showErrorMessage="1" sqref="AL5:AL6 AL8 AL24 R30:R31 AL62:AL63 AL77:AL79 AL65 AL81 AL95 AL101:AL102 AL16:AL17 N82:N85 R92 M96:M97 M101 AE18:AE20 W19 M33 AB19 W21:W22 M92:M94 AL36:AL37 AL50:AL51 AL57:AL58 AL53 AL74:AL75 AL92:AL93 AH2 AL60 AL104:AL106 N42:N43 P7:P8 AH36:AH41 AL116:AL119 AC39 AH46:AH53 AH57:AH60 AH62:AH65 AH74:AH80 AH92:AH96 AH101:AH103 AH16:AH22 J2 W16 Z16 Q21:Q22 Q24:Q25 W24 AL30:AL31 AH27:AH34 AL39:AL40 R15 AE15 AL19:AL22 M35 S20 Y5 AL27:AL28 M46:M49 M103:M105 R18:R19 T5 R10 AE10 S11:S12 R13 AE13 Y39 Y41 AC41 AH5:AH7 AH105:AH108 AL109:AL111 AH110:AH120 N125:N126 N117 N120:N123 M112 M114 M116 M107:M108 M110 V46">
      <formula1>"□,■"</formula1>
    </dataValidation>
  </dataValidations>
  <pageMargins left="0.39370078740157483" right="0.19685039370078741" top="0.19685039370078741" bottom="0.19685039370078741" header="0.39370078740157483" footer="0.39370078740157483"/>
  <pageSetup paperSize="9" scale="90" fitToHeight="0" orientation="portrait" horizontalDpi="300" verticalDpi="300" r:id="rId1"/>
  <rowBreaks count="2" manualBreakCount="2">
    <brk id="42" max="40" man="1"/>
    <brk id="77" max="40"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sheetPr>
  <dimension ref="A1:AO286"/>
  <sheetViews>
    <sheetView showGridLines="0" view="pageBreakPreview" zoomScale="85" zoomScaleNormal="100" zoomScaleSheetLayoutView="85" workbookViewId="0"/>
  </sheetViews>
  <sheetFormatPr defaultRowHeight="12" x14ac:dyDescent="0.15"/>
  <cols>
    <col min="1" max="41" width="2.625" style="91" customWidth="1"/>
    <col min="42" max="16384" width="9" style="91"/>
  </cols>
  <sheetData>
    <row r="1" spans="1:41" ht="30" customHeight="1" x14ac:dyDescent="0.15">
      <c r="A1" s="87" t="s">
        <v>267</v>
      </c>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O1" s="90" t="s">
        <v>268</v>
      </c>
    </row>
    <row r="2" spans="1:41" ht="15.95" customHeight="1" x14ac:dyDescent="0.15">
      <c r="A2" s="248"/>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343"/>
      <c r="AB2" s="343"/>
      <c r="AC2" s="343"/>
      <c r="AD2" s="343"/>
      <c r="AE2" s="343"/>
      <c r="AF2" s="343"/>
      <c r="AG2" s="343"/>
      <c r="AH2" s="343"/>
      <c r="AI2" s="343"/>
      <c r="AJ2" s="343"/>
      <c r="AK2" s="343"/>
      <c r="AL2" s="343"/>
    </row>
    <row r="3" spans="1:41" ht="15.95" customHeight="1" x14ac:dyDescent="0.15">
      <c r="A3" s="452" t="s">
        <v>55</v>
      </c>
      <c r="B3" s="453"/>
      <c r="C3" s="453"/>
      <c r="D3" s="454"/>
      <c r="E3" s="437" t="s">
        <v>56</v>
      </c>
      <c r="F3" s="438"/>
      <c r="G3" s="438"/>
      <c r="H3" s="439"/>
      <c r="I3" s="458" t="s">
        <v>57</v>
      </c>
      <c r="J3" s="459"/>
      <c r="K3" s="459"/>
      <c r="L3" s="459"/>
      <c r="M3" s="459"/>
      <c r="N3" s="459"/>
      <c r="O3" s="459"/>
      <c r="P3" s="459"/>
      <c r="Q3" s="459"/>
      <c r="R3" s="459"/>
      <c r="S3" s="459"/>
      <c r="T3" s="459"/>
      <c r="U3" s="459"/>
      <c r="V3" s="459"/>
      <c r="W3" s="459"/>
      <c r="X3" s="459"/>
      <c r="Y3" s="459"/>
      <c r="Z3" s="459"/>
      <c r="AA3" s="459"/>
      <c r="AB3" s="459"/>
      <c r="AC3" s="459"/>
      <c r="AD3" s="459"/>
      <c r="AE3" s="94"/>
      <c r="AF3" s="94"/>
      <c r="AG3" s="94" t="s">
        <v>58</v>
      </c>
      <c r="AH3" s="452" t="s">
        <v>59</v>
      </c>
      <c r="AI3" s="453"/>
      <c r="AJ3" s="453"/>
      <c r="AK3" s="453"/>
      <c r="AL3" s="454"/>
      <c r="AM3" s="453" t="s">
        <v>60</v>
      </c>
      <c r="AN3" s="453"/>
      <c r="AO3" s="454"/>
    </row>
    <row r="4" spans="1:41" ht="15.95" customHeight="1" x14ac:dyDescent="0.15">
      <c r="A4" s="455"/>
      <c r="B4" s="456"/>
      <c r="C4" s="456"/>
      <c r="D4" s="457"/>
      <c r="E4" s="461" t="s">
        <v>61</v>
      </c>
      <c r="F4" s="462"/>
      <c r="G4" s="462"/>
      <c r="H4" s="463"/>
      <c r="I4" s="464" t="s">
        <v>61</v>
      </c>
      <c r="J4" s="465"/>
      <c r="K4" s="465"/>
      <c r="L4" s="466"/>
      <c r="M4" s="458" t="s">
        <v>60</v>
      </c>
      <c r="N4" s="459"/>
      <c r="O4" s="459"/>
      <c r="P4" s="459"/>
      <c r="Q4" s="459"/>
      <c r="R4" s="459"/>
      <c r="S4" s="459"/>
      <c r="T4" s="459"/>
      <c r="U4" s="459"/>
      <c r="V4" s="459"/>
      <c r="W4" s="459"/>
      <c r="X4" s="459"/>
      <c r="Y4" s="459"/>
      <c r="Z4" s="459"/>
      <c r="AA4" s="459"/>
      <c r="AB4" s="459"/>
      <c r="AC4" s="459"/>
      <c r="AD4" s="459"/>
      <c r="AE4" s="459"/>
      <c r="AF4" s="459"/>
      <c r="AG4" s="459"/>
      <c r="AH4" s="455"/>
      <c r="AI4" s="456"/>
      <c r="AJ4" s="456"/>
      <c r="AK4" s="456"/>
      <c r="AL4" s="457"/>
      <c r="AM4" s="456" t="s">
        <v>62</v>
      </c>
      <c r="AN4" s="456"/>
      <c r="AO4" s="457"/>
    </row>
    <row r="5" spans="1:41" ht="15.95" customHeight="1" x14ac:dyDescent="0.15">
      <c r="A5" s="493" t="s">
        <v>269</v>
      </c>
      <c r="B5" s="450"/>
      <c r="C5" s="450"/>
      <c r="D5" s="451"/>
      <c r="E5" s="250"/>
      <c r="F5" s="232"/>
      <c r="G5" s="232"/>
      <c r="H5" s="233"/>
      <c r="I5" s="227"/>
      <c r="J5" s="124"/>
      <c r="K5" s="124"/>
      <c r="L5" s="157"/>
      <c r="M5" s="149"/>
      <c r="N5" s="103"/>
      <c r="O5" s="92"/>
      <c r="P5" s="92"/>
      <c r="R5" s="103"/>
      <c r="S5" s="103"/>
      <c r="T5" s="103"/>
      <c r="U5" s="103"/>
      <c r="V5" s="103"/>
      <c r="W5" s="103"/>
      <c r="X5" s="103"/>
      <c r="Y5" s="103"/>
      <c r="Z5" s="103"/>
      <c r="AA5" s="103"/>
      <c r="AB5" s="103"/>
      <c r="AC5" s="103"/>
      <c r="AD5" s="103"/>
      <c r="AE5" s="102"/>
      <c r="AF5" s="103"/>
      <c r="AG5" s="251"/>
      <c r="AH5" s="102"/>
      <c r="AI5" s="92"/>
      <c r="AJ5" s="92"/>
      <c r="AK5" s="92"/>
      <c r="AM5" s="149"/>
      <c r="AO5" s="104"/>
    </row>
    <row r="6" spans="1:41" ht="15.95" customHeight="1" x14ac:dyDescent="0.15">
      <c r="A6" s="252"/>
      <c r="E6" s="250"/>
      <c r="F6" s="232"/>
      <c r="G6" s="232"/>
      <c r="H6" s="233"/>
      <c r="I6" s="121"/>
      <c r="J6" s="124"/>
      <c r="K6" s="124"/>
      <c r="L6" s="157"/>
      <c r="M6" s="148"/>
      <c r="N6" s="92" t="s">
        <v>737</v>
      </c>
      <c r="O6" s="92"/>
      <c r="P6" s="92"/>
      <c r="Q6" s="92"/>
      <c r="R6" s="92"/>
      <c r="S6" s="92"/>
      <c r="T6" s="102"/>
      <c r="U6" s="103"/>
      <c r="Y6" s="103"/>
      <c r="Z6" s="103"/>
      <c r="AA6" s="103"/>
      <c r="AB6" s="103"/>
      <c r="AC6" s="103"/>
      <c r="AD6" s="103"/>
      <c r="AE6" s="102"/>
      <c r="AF6" s="103"/>
      <c r="AG6" s="251"/>
      <c r="AH6" s="102"/>
      <c r="AI6" s="92"/>
      <c r="AJ6" s="92"/>
      <c r="AK6" s="92"/>
      <c r="AM6" s="149"/>
      <c r="AO6" s="104"/>
    </row>
    <row r="7" spans="1:41" ht="15.95" customHeight="1" x14ac:dyDescent="0.15">
      <c r="A7" s="252"/>
      <c r="E7" s="250"/>
      <c r="F7" s="232"/>
      <c r="G7" s="232"/>
      <c r="H7" s="233"/>
      <c r="I7" s="344"/>
      <c r="J7" s="345"/>
      <c r="K7" s="345"/>
      <c r="L7" s="346"/>
      <c r="M7" s="155"/>
      <c r="N7" s="103"/>
      <c r="O7" s="103"/>
      <c r="P7" s="103"/>
      <c r="Q7" s="103"/>
      <c r="S7" s="102"/>
      <c r="T7" s="103"/>
      <c r="V7" s="103"/>
      <c r="W7" s="103"/>
      <c r="AE7" s="102"/>
      <c r="AF7" s="103"/>
      <c r="AG7" s="251"/>
      <c r="AH7" s="103"/>
      <c r="AI7" s="92"/>
      <c r="AJ7" s="92"/>
      <c r="AK7" s="92"/>
      <c r="AL7" s="92"/>
      <c r="AM7" s="149"/>
      <c r="AO7" s="104"/>
    </row>
    <row r="8" spans="1:41" ht="15.95" customHeight="1" x14ac:dyDescent="0.15">
      <c r="A8" s="437" t="s">
        <v>271</v>
      </c>
      <c r="B8" s="438"/>
      <c r="C8" s="438"/>
      <c r="D8" s="439"/>
      <c r="E8" s="438" t="s">
        <v>272</v>
      </c>
      <c r="F8" s="438"/>
      <c r="G8" s="438"/>
      <c r="H8" s="439"/>
      <c r="I8" s="437" t="s">
        <v>130</v>
      </c>
      <c r="J8" s="438"/>
      <c r="K8" s="438"/>
      <c r="L8" s="439"/>
      <c r="M8" s="206" t="s">
        <v>66</v>
      </c>
      <c r="N8" s="208" t="s">
        <v>273</v>
      </c>
      <c r="O8" s="208"/>
      <c r="P8" s="206" t="s">
        <v>25</v>
      </c>
      <c r="Q8" s="140" t="s">
        <v>54</v>
      </c>
      <c r="R8" s="98" t="s">
        <v>1</v>
      </c>
      <c r="S8" s="208"/>
      <c r="T8" s="140" t="s">
        <v>54</v>
      </c>
      <c r="U8" s="98" t="s">
        <v>738</v>
      </c>
      <c r="V8" s="206" t="s">
        <v>26</v>
      </c>
      <c r="W8" s="98"/>
      <c r="X8" s="98"/>
      <c r="Y8" s="206"/>
      <c r="Z8" s="98"/>
      <c r="AA8" s="98"/>
      <c r="AB8" s="98"/>
      <c r="AC8" s="98"/>
      <c r="AD8" s="98"/>
      <c r="AE8" s="98"/>
      <c r="AF8" s="207"/>
      <c r="AG8" s="262"/>
      <c r="AH8" s="138" t="s">
        <v>7</v>
      </c>
      <c r="AI8" s="98" t="s">
        <v>69</v>
      </c>
      <c r="AJ8" s="98"/>
      <c r="AK8" s="98"/>
      <c r="AL8" s="140"/>
      <c r="AM8" s="141"/>
      <c r="AN8" s="98"/>
      <c r="AO8" s="142"/>
    </row>
    <row r="9" spans="1:41" ht="15.95" customHeight="1" x14ac:dyDescent="0.15">
      <c r="A9" s="449" t="s">
        <v>275</v>
      </c>
      <c r="B9" s="450"/>
      <c r="C9" s="450"/>
      <c r="D9" s="451"/>
      <c r="E9" s="153"/>
      <c r="F9" s="153"/>
      <c r="G9" s="153"/>
      <c r="H9" s="154"/>
      <c r="I9" s="449" t="s">
        <v>276</v>
      </c>
      <c r="J9" s="450"/>
      <c r="K9" s="450"/>
      <c r="L9" s="451"/>
      <c r="M9" s="155" t="s">
        <v>66</v>
      </c>
      <c r="N9" s="103" t="s">
        <v>277</v>
      </c>
      <c r="O9" s="103"/>
      <c r="P9" s="102" t="s">
        <v>25</v>
      </c>
      <c r="Q9" s="151" t="s">
        <v>54</v>
      </c>
      <c r="R9" s="92" t="s">
        <v>1</v>
      </c>
      <c r="S9" s="103"/>
      <c r="T9" s="151" t="s">
        <v>54</v>
      </c>
      <c r="U9" s="92" t="s">
        <v>738</v>
      </c>
      <c r="V9" s="102" t="s">
        <v>26</v>
      </c>
      <c r="W9" s="92"/>
      <c r="X9" s="92"/>
      <c r="Y9" s="102"/>
      <c r="Z9" s="92"/>
      <c r="AA9" s="92"/>
      <c r="AB9" s="92"/>
      <c r="AC9" s="92"/>
      <c r="AD9" s="92"/>
      <c r="AE9" s="92"/>
      <c r="AF9" s="175"/>
      <c r="AG9" s="251"/>
      <c r="AH9" s="146" t="s">
        <v>7</v>
      </c>
      <c r="AI9" s="92" t="s">
        <v>278</v>
      </c>
      <c r="AJ9" s="92"/>
      <c r="AK9" s="92"/>
      <c r="AL9" s="151"/>
      <c r="AM9" s="148"/>
      <c r="AN9" s="92"/>
      <c r="AO9" s="145"/>
    </row>
    <row r="10" spans="1:41" ht="15.95" customHeight="1" x14ac:dyDescent="0.15">
      <c r="A10" s="494" t="s">
        <v>279</v>
      </c>
      <c r="B10" s="431"/>
      <c r="C10" s="431"/>
      <c r="D10" s="495"/>
      <c r="E10" s="148"/>
      <c r="F10" s="92"/>
      <c r="G10" s="92"/>
      <c r="H10" s="145"/>
      <c r="I10" s="449"/>
      <c r="J10" s="450"/>
      <c r="K10" s="450"/>
      <c r="L10" s="451"/>
      <c r="M10" s="155" t="s">
        <v>66</v>
      </c>
      <c r="N10" s="103" t="s">
        <v>280</v>
      </c>
      <c r="O10" s="103"/>
      <c r="P10" s="102" t="s">
        <v>25</v>
      </c>
      <c r="Q10" s="151" t="s">
        <v>54</v>
      </c>
      <c r="R10" s="92" t="s">
        <v>1</v>
      </c>
      <c r="S10" s="103"/>
      <c r="T10" s="151" t="s">
        <v>54</v>
      </c>
      <c r="U10" s="92" t="s">
        <v>738</v>
      </c>
      <c r="V10" s="102" t="s">
        <v>26</v>
      </c>
      <c r="W10" s="92"/>
      <c r="X10" s="92"/>
      <c r="Y10" s="102"/>
      <c r="Z10" s="92"/>
      <c r="AA10" s="92"/>
      <c r="AB10" s="92"/>
      <c r="AC10" s="92"/>
      <c r="AD10" s="92"/>
      <c r="AE10" s="92"/>
      <c r="AF10" s="175"/>
      <c r="AG10" s="251"/>
      <c r="AH10" s="146" t="s">
        <v>7</v>
      </c>
      <c r="AI10" s="92" t="s">
        <v>122</v>
      </c>
      <c r="AJ10" s="92"/>
      <c r="AK10" s="92"/>
      <c r="AL10" s="92"/>
      <c r="AM10" s="148"/>
      <c r="AN10" s="92"/>
      <c r="AO10" s="145"/>
    </row>
    <row r="11" spans="1:41" ht="15.95" customHeight="1" x14ac:dyDescent="0.15">
      <c r="A11" s="496" t="s">
        <v>281</v>
      </c>
      <c r="B11" s="497"/>
      <c r="C11" s="497"/>
      <c r="D11" s="498"/>
      <c r="E11" s="148"/>
      <c r="F11" s="92"/>
      <c r="G11" s="92"/>
      <c r="H11" s="145"/>
      <c r="I11" s="162"/>
      <c r="J11" s="153"/>
      <c r="K11" s="153"/>
      <c r="L11" s="154"/>
      <c r="M11" s="212"/>
      <c r="N11" s="97"/>
      <c r="O11" s="97"/>
      <c r="P11" s="96"/>
      <c r="Q11" s="126"/>
      <c r="R11" s="105"/>
      <c r="S11" s="97"/>
      <c r="T11" s="126"/>
      <c r="U11" s="105"/>
      <c r="V11" s="96"/>
      <c r="W11" s="105"/>
      <c r="X11" s="105"/>
      <c r="Y11" s="96"/>
      <c r="Z11" s="105"/>
      <c r="AA11" s="105"/>
      <c r="AB11" s="105"/>
      <c r="AC11" s="105"/>
      <c r="AD11" s="105"/>
      <c r="AE11" s="105"/>
      <c r="AF11" s="253"/>
      <c r="AG11" s="191"/>
      <c r="AH11" s="151" t="s">
        <v>54</v>
      </c>
      <c r="AI11" s="92"/>
      <c r="AJ11" s="92"/>
      <c r="AK11" s="92"/>
      <c r="AL11" s="126"/>
      <c r="AM11" s="148"/>
      <c r="AN11" s="92"/>
      <c r="AO11" s="145"/>
    </row>
    <row r="12" spans="1:41" ht="15.95" customHeight="1" x14ac:dyDescent="0.15">
      <c r="A12" s="149"/>
      <c r="B12" s="92"/>
      <c r="C12" s="92"/>
      <c r="D12" s="92"/>
      <c r="E12" s="437" t="s">
        <v>531</v>
      </c>
      <c r="F12" s="499"/>
      <c r="G12" s="499"/>
      <c r="H12" s="500"/>
      <c r="I12" s="501" t="s">
        <v>739</v>
      </c>
      <c r="J12" s="502"/>
      <c r="K12" s="502"/>
      <c r="L12" s="503"/>
      <c r="M12" s="102" t="s">
        <v>66</v>
      </c>
      <c r="N12" s="103" t="s">
        <v>273</v>
      </c>
      <c r="O12" s="103"/>
      <c r="P12" s="102" t="s">
        <v>25</v>
      </c>
      <c r="Q12" s="151" t="s">
        <v>54</v>
      </c>
      <c r="R12" s="92" t="s">
        <v>1</v>
      </c>
      <c r="S12" s="103"/>
      <c r="T12" s="151" t="s">
        <v>54</v>
      </c>
      <c r="U12" s="92" t="s">
        <v>738</v>
      </c>
      <c r="V12" s="102" t="s">
        <v>26</v>
      </c>
      <c r="W12" s="92"/>
      <c r="X12" s="92"/>
      <c r="Y12" s="102"/>
      <c r="Z12" s="92"/>
      <c r="AA12" s="92"/>
      <c r="AB12" s="92"/>
      <c r="AC12" s="92"/>
      <c r="AD12" s="92"/>
      <c r="AE12" s="92"/>
      <c r="AF12" s="175"/>
      <c r="AG12" s="251"/>
      <c r="AH12" s="138" t="s">
        <v>7</v>
      </c>
      <c r="AI12" s="98" t="s">
        <v>69</v>
      </c>
      <c r="AJ12" s="98"/>
      <c r="AK12" s="98"/>
      <c r="AL12" s="151"/>
      <c r="AM12" s="141"/>
      <c r="AN12" s="98"/>
      <c r="AO12" s="142"/>
    </row>
    <row r="13" spans="1:41" ht="15.95" customHeight="1" x14ac:dyDescent="0.15">
      <c r="A13" s="149"/>
      <c r="B13" s="232"/>
      <c r="C13" s="232"/>
      <c r="D13" s="233"/>
      <c r="E13" s="148"/>
      <c r="F13" s="124"/>
      <c r="G13" s="124"/>
      <c r="H13" s="157"/>
      <c r="I13" s="449" t="s">
        <v>282</v>
      </c>
      <c r="J13" s="477"/>
      <c r="K13" s="477"/>
      <c r="L13" s="478"/>
      <c r="M13" s="102" t="s">
        <v>66</v>
      </c>
      <c r="N13" s="103" t="s">
        <v>277</v>
      </c>
      <c r="O13" s="103"/>
      <c r="P13" s="102" t="s">
        <v>25</v>
      </c>
      <c r="Q13" s="151" t="s">
        <v>54</v>
      </c>
      <c r="R13" s="92" t="s">
        <v>1</v>
      </c>
      <c r="S13" s="103"/>
      <c r="T13" s="151" t="s">
        <v>54</v>
      </c>
      <c r="U13" s="92" t="s">
        <v>738</v>
      </c>
      <c r="V13" s="102" t="s">
        <v>26</v>
      </c>
      <c r="W13" s="92"/>
      <c r="X13" s="92"/>
      <c r="Y13" s="102"/>
      <c r="Z13" s="92"/>
      <c r="AA13" s="92"/>
      <c r="AB13" s="92"/>
      <c r="AC13" s="92"/>
      <c r="AD13" s="92"/>
      <c r="AE13" s="92"/>
      <c r="AF13" s="175"/>
      <c r="AG13" s="251"/>
      <c r="AH13" s="146" t="s">
        <v>7</v>
      </c>
      <c r="AI13" s="92" t="s">
        <v>278</v>
      </c>
      <c r="AJ13" s="92"/>
      <c r="AK13" s="92"/>
      <c r="AL13" s="151"/>
      <c r="AM13" s="148"/>
      <c r="AN13" s="92"/>
      <c r="AO13" s="145"/>
    </row>
    <row r="14" spans="1:41" ht="15.95" customHeight="1" x14ac:dyDescent="0.15">
      <c r="A14" s="149"/>
      <c r="B14" s="232"/>
      <c r="C14" s="232"/>
      <c r="D14" s="233"/>
      <c r="E14" s="148"/>
      <c r="F14" s="92"/>
      <c r="G14" s="92"/>
      <c r="H14" s="145"/>
      <c r="I14" s="449" t="s">
        <v>283</v>
      </c>
      <c r="J14" s="450"/>
      <c r="K14" s="450"/>
      <c r="L14" s="451"/>
      <c r="M14" s="102" t="s">
        <v>66</v>
      </c>
      <c r="N14" s="103" t="s">
        <v>280</v>
      </c>
      <c r="O14" s="103"/>
      <c r="P14" s="102" t="s">
        <v>25</v>
      </c>
      <c r="Q14" s="151" t="s">
        <v>54</v>
      </c>
      <c r="R14" s="92" t="s">
        <v>1</v>
      </c>
      <c r="S14" s="103"/>
      <c r="T14" s="151" t="s">
        <v>54</v>
      </c>
      <c r="U14" s="92" t="s">
        <v>738</v>
      </c>
      <c r="V14" s="102" t="s">
        <v>26</v>
      </c>
      <c r="W14" s="92"/>
      <c r="X14" s="92"/>
      <c r="Y14" s="102"/>
      <c r="Z14" s="92"/>
      <c r="AA14" s="92"/>
      <c r="AB14" s="92"/>
      <c r="AC14" s="92"/>
      <c r="AD14" s="92"/>
      <c r="AE14" s="92"/>
      <c r="AF14" s="175"/>
      <c r="AG14" s="251"/>
      <c r="AH14" s="146" t="s">
        <v>54</v>
      </c>
      <c r="AI14" s="92"/>
      <c r="AJ14" s="92"/>
      <c r="AL14" s="92"/>
      <c r="AM14" s="148"/>
      <c r="AN14" s="92"/>
      <c r="AO14" s="145"/>
    </row>
    <row r="15" spans="1:41" ht="15.95" customHeight="1" x14ac:dyDescent="0.15">
      <c r="A15" s="149"/>
      <c r="B15" s="232"/>
      <c r="C15" s="232"/>
      <c r="D15" s="233"/>
      <c r="E15" s="148"/>
      <c r="F15" s="92"/>
      <c r="G15" s="92"/>
      <c r="H15" s="145"/>
      <c r="I15" s="162"/>
      <c r="J15" s="92"/>
      <c r="K15" s="92"/>
      <c r="L15" s="145"/>
      <c r="M15" s="151" t="s">
        <v>54</v>
      </c>
      <c r="N15" s="254" t="s">
        <v>740</v>
      </c>
      <c r="O15" s="103"/>
      <c r="P15" s="103"/>
      <c r="Q15" s="103"/>
      <c r="R15" s="92"/>
      <c r="S15" s="103"/>
      <c r="T15" s="103"/>
      <c r="U15" s="103"/>
      <c r="V15" s="92"/>
      <c r="W15" s="102"/>
      <c r="X15" s="102"/>
      <c r="Y15" s="102"/>
      <c r="Z15" s="102"/>
      <c r="AA15" s="102"/>
      <c r="AB15" s="102"/>
      <c r="AC15" s="102"/>
      <c r="AD15" s="102"/>
      <c r="AE15" s="102"/>
      <c r="AF15" s="102"/>
      <c r="AG15" s="152"/>
      <c r="AH15" s="151" t="s">
        <v>54</v>
      </c>
      <c r="AL15" s="151"/>
      <c r="AM15" s="148"/>
      <c r="AN15" s="92"/>
      <c r="AO15" s="145"/>
    </row>
    <row r="16" spans="1:41" ht="15.95" customHeight="1" x14ac:dyDescent="0.15">
      <c r="A16" s="149"/>
      <c r="B16" s="232"/>
      <c r="C16" s="232"/>
      <c r="D16" s="233"/>
      <c r="E16" s="438" t="s">
        <v>284</v>
      </c>
      <c r="F16" s="499"/>
      <c r="G16" s="499"/>
      <c r="H16" s="500"/>
      <c r="I16" s="437" t="s">
        <v>285</v>
      </c>
      <c r="J16" s="499"/>
      <c r="K16" s="499"/>
      <c r="L16" s="500"/>
      <c r="M16" s="134" t="s">
        <v>66</v>
      </c>
      <c r="N16" s="208" t="s">
        <v>286</v>
      </c>
      <c r="O16" s="208"/>
      <c r="P16" s="208"/>
      <c r="Q16" s="208"/>
      <c r="R16" s="98"/>
      <c r="S16" s="208"/>
      <c r="T16" s="208"/>
      <c r="U16" s="208"/>
      <c r="V16" s="98"/>
      <c r="W16" s="206"/>
      <c r="X16" s="206"/>
      <c r="Y16" s="206"/>
      <c r="Z16" s="206"/>
      <c r="AA16" s="206"/>
      <c r="AB16" s="206"/>
      <c r="AC16" s="206"/>
      <c r="AD16" s="206"/>
      <c r="AE16" s="206"/>
      <c r="AF16" s="206"/>
      <c r="AG16" s="217"/>
      <c r="AH16" s="138" t="s">
        <v>7</v>
      </c>
      <c r="AI16" s="98" t="s">
        <v>287</v>
      </c>
      <c r="AJ16" s="98"/>
      <c r="AK16" s="98"/>
      <c r="AL16" s="140"/>
      <c r="AM16" s="141"/>
      <c r="AN16" s="98"/>
      <c r="AO16" s="142"/>
    </row>
    <row r="17" spans="1:41" ht="15.95" customHeight="1" x14ac:dyDescent="0.15">
      <c r="A17" s="149"/>
      <c r="B17" s="255"/>
      <c r="C17" s="255"/>
      <c r="D17" s="256"/>
      <c r="E17" s="153"/>
      <c r="F17" s="153"/>
      <c r="G17" s="153"/>
      <c r="H17" s="154"/>
      <c r="I17" s="449" t="s">
        <v>288</v>
      </c>
      <c r="J17" s="477"/>
      <c r="K17" s="477"/>
      <c r="L17" s="478"/>
      <c r="M17" s="155"/>
      <c r="N17" s="175" t="s">
        <v>94</v>
      </c>
      <c r="O17" s="151" t="s">
        <v>7</v>
      </c>
      <c r="P17" s="103" t="s">
        <v>289</v>
      </c>
      <c r="Q17" s="103"/>
      <c r="R17" s="92"/>
      <c r="S17" s="103"/>
      <c r="T17" s="103"/>
      <c r="U17" s="151" t="s">
        <v>54</v>
      </c>
      <c r="V17" s="92" t="s">
        <v>290</v>
      </c>
      <c r="W17" s="102"/>
      <c r="Y17" s="151" t="s">
        <v>54</v>
      </c>
      <c r="Z17" s="103" t="s">
        <v>291</v>
      </c>
      <c r="AA17" s="102"/>
      <c r="AB17" s="102"/>
      <c r="AC17" s="102"/>
      <c r="AD17" s="102"/>
      <c r="AE17" s="102"/>
      <c r="AF17" s="102"/>
      <c r="AG17" s="152"/>
      <c r="AH17" s="146" t="s">
        <v>7</v>
      </c>
      <c r="AI17" s="92" t="s">
        <v>278</v>
      </c>
      <c r="AJ17" s="92"/>
      <c r="AK17" s="92"/>
      <c r="AL17" s="151"/>
      <c r="AM17" s="148"/>
      <c r="AN17" s="92"/>
      <c r="AO17" s="145"/>
    </row>
    <row r="18" spans="1:41" ht="15.75" customHeight="1" x14ac:dyDescent="0.15">
      <c r="A18" s="149"/>
      <c r="E18" s="162"/>
      <c r="F18" s="153"/>
      <c r="G18" s="153"/>
      <c r="H18" s="154"/>
      <c r="I18" s="162"/>
      <c r="J18" s="103"/>
      <c r="K18" s="103"/>
      <c r="L18" s="251"/>
      <c r="M18" s="155" t="s">
        <v>66</v>
      </c>
      <c r="N18" s="103" t="s">
        <v>292</v>
      </c>
      <c r="O18" s="103"/>
      <c r="P18" s="103"/>
      <c r="Q18" s="103"/>
      <c r="R18" s="92"/>
      <c r="S18" s="103"/>
      <c r="T18" s="103"/>
      <c r="U18" s="103"/>
      <c r="V18" s="92"/>
      <c r="W18" s="102"/>
      <c r="X18" s="102"/>
      <c r="Y18" s="102"/>
      <c r="Z18" s="102"/>
      <c r="AA18" s="102"/>
      <c r="AB18" s="102"/>
      <c r="AC18" s="102"/>
      <c r="AD18" s="102"/>
      <c r="AE18" s="102"/>
      <c r="AF18" s="102"/>
      <c r="AG18" s="152"/>
      <c r="AH18" s="155"/>
      <c r="AI18" s="92"/>
      <c r="AJ18" s="92"/>
      <c r="AK18" s="92"/>
      <c r="AL18" s="92"/>
      <c r="AM18" s="148"/>
      <c r="AN18" s="92"/>
      <c r="AO18" s="145"/>
    </row>
    <row r="19" spans="1:41" ht="15.75" customHeight="1" x14ac:dyDescent="0.15">
      <c r="A19" s="149"/>
      <c r="B19" s="232"/>
      <c r="C19" s="232"/>
      <c r="D19" s="232"/>
      <c r="E19" s="169"/>
      <c r="F19" s="105"/>
      <c r="G19" s="105"/>
      <c r="H19" s="170"/>
      <c r="I19" s="169"/>
      <c r="J19" s="105"/>
      <c r="K19" s="105"/>
      <c r="L19" s="170"/>
      <c r="M19" s="212"/>
      <c r="N19" s="253" t="s">
        <v>94</v>
      </c>
      <c r="O19" s="126" t="s">
        <v>7</v>
      </c>
      <c r="P19" s="97" t="s">
        <v>293</v>
      </c>
      <c r="Q19" s="97"/>
      <c r="R19" s="105"/>
      <c r="S19" s="116"/>
      <c r="T19" s="116"/>
      <c r="U19" s="126" t="s">
        <v>54</v>
      </c>
      <c r="V19" s="105" t="s">
        <v>290</v>
      </c>
      <c r="W19" s="96"/>
      <c r="X19" s="116"/>
      <c r="Y19" s="126" t="s">
        <v>54</v>
      </c>
      <c r="Z19" s="97" t="s">
        <v>291</v>
      </c>
      <c r="AA19" s="96"/>
      <c r="AB19" s="96"/>
      <c r="AC19" s="96"/>
      <c r="AD19" s="96"/>
      <c r="AE19" s="96"/>
      <c r="AF19" s="96"/>
      <c r="AG19" s="116"/>
      <c r="AH19" s="212"/>
      <c r="AI19" s="105"/>
      <c r="AJ19" s="105"/>
      <c r="AK19" s="105"/>
      <c r="AL19" s="126"/>
      <c r="AM19" s="169"/>
      <c r="AN19" s="105"/>
      <c r="AO19" s="170"/>
    </row>
    <row r="20" spans="1:41" ht="15.95" customHeight="1" x14ac:dyDescent="0.15">
      <c r="A20" s="162"/>
      <c r="B20" s="232"/>
      <c r="C20" s="232"/>
      <c r="D20" s="233"/>
      <c r="E20" s="504" t="s">
        <v>294</v>
      </c>
      <c r="F20" s="505"/>
      <c r="G20" s="505"/>
      <c r="H20" s="506"/>
      <c r="I20" s="437" t="s">
        <v>295</v>
      </c>
      <c r="J20" s="499"/>
      <c r="K20" s="499"/>
      <c r="L20" s="500"/>
      <c r="M20" s="151" t="s">
        <v>7</v>
      </c>
      <c r="N20" s="103" t="s">
        <v>296</v>
      </c>
      <c r="O20" s="103"/>
      <c r="P20" s="103"/>
      <c r="Q20" s="103" t="s">
        <v>297</v>
      </c>
      <c r="R20" s="92"/>
      <c r="S20" s="103"/>
      <c r="T20" s="431"/>
      <c r="U20" s="431"/>
      <c r="V20" s="431"/>
      <c r="W20" s="431"/>
      <c r="X20" s="431"/>
      <c r="Y20" s="431"/>
      <c r="Z20" s="431"/>
      <c r="AA20" s="431"/>
      <c r="AB20" s="92" t="s">
        <v>26</v>
      </c>
      <c r="AC20" s="92"/>
      <c r="AD20" s="92"/>
      <c r="AG20" s="152"/>
      <c r="AH20" s="146" t="s">
        <v>7</v>
      </c>
      <c r="AI20" s="92" t="s">
        <v>69</v>
      </c>
      <c r="AJ20" s="92"/>
      <c r="AK20" s="92"/>
      <c r="AL20" s="151"/>
      <c r="AM20" s="148"/>
      <c r="AN20" s="92"/>
      <c r="AO20" s="145"/>
    </row>
    <row r="21" spans="1:41" ht="15.95" customHeight="1" x14ac:dyDescent="0.15">
      <c r="A21" s="162"/>
      <c r="B21" s="232"/>
      <c r="C21" s="232"/>
      <c r="D21" s="233"/>
      <c r="E21" s="507"/>
      <c r="F21" s="508"/>
      <c r="G21" s="508"/>
      <c r="H21" s="509"/>
      <c r="I21" s="461" t="s">
        <v>298</v>
      </c>
      <c r="J21" s="462"/>
      <c r="K21" s="462"/>
      <c r="L21" s="463"/>
      <c r="M21" s="167" t="s">
        <v>54</v>
      </c>
      <c r="N21" s="97" t="s">
        <v>0</v>
      </c>
      <c r="O21" s="97"/>
      <c r="P21" s="97" t="s">
        <v>25</v>
      </c>
      <c r="Q21" s="456"/>
      <c r="R21" s="456"/>
      <c r="S21" s="456"/>
      <c r="T21" s="456"/>
      <c r="U21" s="456"/>
      <c r="V21" s="456"/>
      <c r="W21" s="456"/>
      <c r="X21" s="456"/>
      <c r="Y21" s="456"/>
      <c r="Z21" s="456"/>
      <c r="AA21" s="456"/>
      <c r="AB21" s="105" t="s">
        <v>26</v>
      </c>
      <c r="AC21" s="105"/>
      <c r="AD21" s="105"/>
      <c r="AE21" s="116"/>
      <c r="AF21" s="116"/>
      <c r="AG21" s="259"/>
      <c r="AH21" s="146" t="s">
        <v>7</v>
      </c>
      <c r="AI21" s="92"/>
      <c r="AJ21" s="92"/>
      <c r="AK21" s="92"/>
      <c r="AL21" s="151"/>
      <c r="AM21" s="148"/>
      <c r="AN21" s="92"/>
      <c r="AO21" s="145"/>
    </row>
    <row r="22" spans="1:41" ht="15.95" customHeight="1" x14ac:dyDescent="0.15">
      <c r="A22" s="148"/>
      <c r="B22" s="92"/>
      <c r="C22" s="92"/>
      <c r="D22" s="145"/>
      <c r="E22" s="507"/>
      <c r="F22" s="508"/>
      <c r="G22" s="508"/>
      <c r="H22" s="509"/>
      <c r="I22" s="449" t="s">
        <v>299</v>
      </c>
      <c r="J22" s="477"/>
      <c r="K22" s="477"/>
      <c r="L22" s="478"/>
      <c r="M22" s="151" t="s">
        <v>7</v>
      </c>
      <c r="N22" s="103" t="s">
        <v>741</v>
      </c>
      <c r="O22" s="103"/>
      <c r="P22" s="103"/>
      <c r="Q22" s="103"/>
      <c r="R22" s="92"/>
      <c r="S22" s="103"/>
      <c r="T22" s="92"/>
      <c r="U22" s="102"/>
      <c r="V22" s="103"/>
      <c r="W22" s="103"/>
      <c r="X22" s="102"/>
      <c r="Y22" s="102"/>
      <c r="Z22" s="102"/>
      <c r="AA22" s="102"/>
      <c r="AB22" s="92"/>
      <c r="AC22" s="92"/>
      <c r="AD22" s="92"/>
      <c r="AG22" s="152"/>
      <c r="AH22" s="124"/>
      <c r="AK22" s="92"/>
      <c r="AL22" s="92"/>
      <c r="AM22" s="148"/>
      <c r="AN22" s="92"/>
      <c r="AO22" s="145"/>
    </row>
    <row r="23" spans="1:41" ht="15.95" customHeight="1" x14ac:dyDescent="0.15">
      <c r="A23" s="148"/>
      <c r="B23" s="92"/>
      <c r="C23" s="92"/>
      <c r="D23" s="145"/>
      <c r="E23" s="92"/>
      <c r="F23" s="92"/>
      <c r="G23" s="92"/>
      <c r="H23" s="145"/>
      <c r="I23" s="148"/>
      <c r="J23" s="92"/>
      <c r="K23" s="92"/>
      <c r="L23" s="145"/>
      <c r="M23" s="155"/>
      <c r="N23" s="510" t="s">
        <v>158</v>
      </c>
      <c r="O23" s="510"/>
      <c r="P23" s="103" t="s">
        <v>25</v>
      </c>
      <c r="Q23" s="431"/>
      <c r="R23" s="431"/>
      <c r="S23" s="431"/>
      <c r="T23" s="431"/>
      <c r="U23" s="431"/>
      <c r="V23" s="431"/>
      <c r="W23" s="431"/>
      <c r="X23" s="431"/>
      <c r="Y23" s="431"/>
      <c r="Z23" s="431"/>
      <c r="AA23" s="431"/>
      <c r="AB23" s="92" t="s">
        <v>26</v>
      </c>
      <c r="AC23" s="92"/>
      <c r="AD23" s="92"/>
      <c r="AG23" s="152"/>
      <c r="AH23" s="102"/>
      <c r="AI23" s="156"/>
      <c r="AJ23" s="92"/>
      <c r="AK23" s="92"/>
      <c r="AL23" s="151"/>
      <c r="AM23" s="148"/>
      <c r="AN23" s="92"/>
      <c r="AO23" s="145"/>
    </row>
    <row r="24" spans="1:41" ht="15.95" customHeight="1" x14ac:dyDescent="0.15">
      <c r="A24" s="148"/>
      <c r="B24" s="92"/>
      <c r="C24" s="92"/>
      <c r="D24" s="145"/>
      <c r="E24" s="105"/>
      <c r="F24" s="105"/>
      <c r="G24" s="105"/>
      <c r="H24" s="170"/>
      <c r="I24" s="169"/>
      <c r="J24" s="105"/>
      <c r="K24" s="105"/>
      <c r="L24" s="170"/>
      <c r="M24" s="126" t="s">
        <v>54</v>
      </c>
      <c r="N24" s="97" t="s">
        <v>0</v>
      </c>
      <c r="O24" s="97"/>
      <c r="P24" s="97" t="s">
        <v>25</v>
      </c>
      <c r="Q24" s="96"/>
      <c r="R24" s="96"/>
      <c r="S24" s="96"/>
      <c r="T24" s="96"/>
      <c r="U24" s="96"/>
      <c r="V24" s="96"/>
      <c r="W24" s="96"/>
      <c r="X24" s="96"/>
      <c r="Y24" s="96"/>
      <c r="Z24" s="96"/>
      <c r="AA24" s="105"/>
      <c r="AB24" s="105" t="s">
        <v>26</v>
      </c>
      <c r="AC24" s="105"/>
      <c r="AD24" s="105"/>
      <c r="AE24" s="116"/>
      <c r="AF24" s="116"/>
      <c r="AG24" s="259"/>
      <c r="AH24" s="169"/>
      <c r="AI24" s="105"/>
      <c r="AJ24" s="105"/>
      <c r="AK24" s="105"/>
      <c r="AL24" s="126"/>
      <c r="AM24" s="169"/>
      <c r="AN24" s="105"/>
      <c r="AO24" s="170"/>
    </row>
    <row r="25" spans="1:41" ht="15.95" customHeight="1" x14ac:dyDescent="0.15">
      <c r="A25" s="148"/>
      <c r="B25" s="92"/>
      <c r="C25" s="92"/>
      <c r="D25" s="145"/>
      <c r="E25" s="438" t="s">
        <v>301</v>
      </c>
      <c r="F25" s="499"/>
      <c r="G25" s="499"/>
      <c r="H25" s="500"/>
      <c r="I25" s="437" t="s">
        <v>302</v>
      </c>
      <c r="J25" s="499"/>
      <c r="K25" s="499"/>
      <c r="L25" s="500"/>
      <c r="M25" s="155" t="s">
        <v>66</v>
      </c>
      <c r="N25" s="103" t="s">
        <v>303</v>
      </c>
      <c r="O25" s="103"/>
      <c r="P25" s="103"/>
      <c r="Q25" s="103"/>
      <c r="R25" s="92"/>
      <c r="S25" s="103"/>
      <c r="T25" s="92"/>
      <c r="U25" s="102"/>
      <c r="V25" s="103"/>
      <c r="W25" s="103"/>
      <c r="X25" s="102"/>
      <c r="Y25" s="102"/>
      <c r="Z25" s="102"/>
      <c r="AA25" s="102"/>
      <c r="AB25" s="92"/>
      <c r="AC25" s="92"/>
      <c r="AD25" s="92"/>
      <c r="AG25" s="152"/>
      <c r="AH25" s="146" t="s">
        <v>7</v>
      </c>
      <c r="AI25" s="92" t="s">
        <v>278</v>
      </c>
      <c r="AJ25" s="92"/>
      <c r="AK25" s="92"/>
      <c r="AL25" s="151"/>
      <c r="AM25" s="148"/>
      <c r="AN25" s="92"/>
      <c r="AO25" s="145"/>
    </row>
    <row r="26" spans="1:41" ht="15.95" customHeight="1" x14ac:dyDescent="0.15">
      <c r="A26" s="148"/>
      <c r="B26" s="92"/>
      <c r="C26" s="92"/>
      <c r="D26" s="145"/>
      <c r="E26" s="92"/>
      <c r="F26" s="92"/>
      <c r="G26" s="92"/>
      <c r="H26" s="145"/>
      <c r="I26" s="449" t="s">
        <v>304</v>
      </c>
      <c r="J26" s="450"/>
      <c r="K26" s="450"/>
      <c r="L26" s="451"/>
      <c r="M26" s="155"/>
      <c r="N26" s="175" t="s">
        <v>94</v>
      </c>
      <c r="O26" s="151" t="s">
        <v>7</v>
      </c>
      <c r="P26" s="103" t="s">
        <v>306</v>
      </c>
      <c r="Q26" s="103"/>
      <c r="R26" s="151" t="s">
        <v>54</v>
      </c>
      <c r="S26" s="103" t="s">
        <v>742</v>
      </c>
      <c r="T26" s="92"/>
      <c r="U26" s="102"/>
      <c r="V26" s="151" t="s">
        <v>54</v>
      </c>
      <c r="W26" s="103" t="s">
        <v>0</v>
      </c>
      <c r="X26" s="103"/>
      <c r="Y26" s="102" t="s">
        <v>144</v>
      </c>
      <c r="Z26" s="431"/>
      <c r="AA26" s="431"/>
      <c r="AB26" s="431"/>
      <c r="AC26" s="102"/>
      <c r="AD26" s="102"/>
      <c r="AE26" s="102" t="s">
        <v>112</v>
      </c>
      <c r="AF26" s="103" t="s">
        <v>673</v>
      </c>
      <c r="AG26" s="152"/>
      <c r="AH26" s="146" t="s">
        <v>7</v>
      </c>
      <c r="AL26" s="151"/>
      <c r="AM26" s="148"/>
      <c r="AN26" s="92"/>
      <c r="AO26" s="145"/>
    </row>
    <row r="27" spans="1:41" ht="15.95" customHeight="1" x14ac:dyDescent="0.15">
      <c r="A27" s="148"/>
      <c r="B27" s="92"/>
      <c r="C27" s="92"/>
      <c r="D27" s="145"/>
      <c r="E27" s="92"/>
      <c r="F27" s="92"/>
      <c r="G27" s="92"/>
      <c r="H27" s="145"/>
      <c r="I27" s="148"/>
      <c r="J27" s="92"/>
      <c r="K27" s="92"/>
      <c r="L27" s="145"/>
      <c r="M27" s="155" t="s">
        <v>66</v>
      </c>
      <c r="N27" s="103" t="s">
        <v>307</v>
      </c>
      <c r="O27" s="103"/>
      <c r="P27" s="103"/>
      <c r="Q27" s="103"/>
      <c r="R27" s="92"/>
      <c r="S27" s="103"/>
      <c r="T27" s="92"/>
      <c r="U27" s="102"/>
      <c r="V27" s="103"/>
      <c r="W27" s="103"/>
      <c r="X27" s="102"/>
      <c r="Y27" s="102"/>
      <c r="Z27" s="102"/>
      <c r="AA27" s="102"/>
      <c r="AB27" s="92"/>
      <c r="AC27" s="92"/>
      <c r="AD27" s="92"/>
      <c r="AE27" s="108"/>
      <c r="AF27" s="110"/>
      <c r="AG27" s="152"/>
      <c r="AH27" s="124"/>
      <c r="AI27" s="92"/>
      <c r="AJ27" s="92"/>
      <c r="AK27" s="92"/>
      <c r="AL27" s="92"/>
      <c r="AM27" s="148"/>
      <c r="AN27" s="92"/>
      <c r="AO27" s="145"/>
    </row>
    <row r="28" spans="1:41" ht="15.95" customHeight="1" x14ac:dyDescent="0.15">
      <c r="A28" s="148"/>
      <c r="B28" s="92"/>
      <c r="C28" s="92"/>
      <c r="D28" s="145"/>
      <c r="E28" s="92"/>
      <c r="F28" s="92"/>
      <c r="G28" s="92"/>
      <c r="H28" s="145"/>
      <c r="I28" s="148"/>
      <c r="J28" s="92"/>
      <c r="K28" s="92"/>
      <c r="L28" s="145"/>
      <c r="M28" s="155"/>
      <c r="N28" s="175" t="s">
        <v>94</v>
      </c>
      <c r="O28" s="151" t="s">
        <v>7</v>
      </c>
      <c r="P28" s="103" t="s">
        <v>306</v>
      </c>
      <c r="Q28" s="103"/>
      <c r="R28" s="151" t="s">
        <v>54</v>
      </c>
      <c r="S28" s="103" t="s">
        <v>742</v>
      </c>
      <c r="T28" s="92"/>
      <c r="U28" s="102"/>
      <c r="V28" s="151" t="s">
        <v>54</v>
      </c>
      <c r="W28" s="103" t="s">
        <v>0</v>
      </c>
      <c r="X28" s="103"/>
      <c r="Y28" s="102" t="s">
        <v>144</v>
      </c>
      <c r="Z28" s="431"/>
      <c r="AA28" s="431"/>
      <c r="AB28" s="431"/>
      <c r="AC28" s="102"/>
      <c r="AD28" s="102"/>
      <c r="AE28" s="102" t="s">
        <v>112</v>
      </c>
      <c r="AF28" s="103" t="s">
        <v>673</v>
      </c>
      <c r="AG28" s="152"/>
      <c r="AH28" s="124"/>
      <c r="AI28" s="92"/>
      <c r="AJ28" s="92"/>
      <c r="AK28" s="92"/>
      <c r="AL28" s="151"/>
      <c r="AM28" s="148"/>
      <c r="AN28" s="92"/>
      <c r="AO28" s="145"/>
    </row>
    <row r="29" spans="1:41" ht="15.95" customHeight="1" x14ac:dyDescent="0.15">
      <c r="A29" s="148"/>
      <c r="B29" s="92"/>
      <c r="C29" s="92"/>
      <c r="D29" s="145"/>
      <c r="E29" s="92"/>
      <c r="F29" s="92"/>
      <c r="G29" s="92"/>
      <c r="H29" s="145"/>
      <c r="I29" s="148"/>
      <c r="J29" s="92"/>
      <c r="K29" s="92"/>
      <c r="L29" s="145"/>
      <c r="M29" s="155" t="s">
        <v>66</v>
      </c>
      <c r="N29" s="103" t="s">
        <v>308</v>
      </c>
      <c r="O29" s="103"/>
      <c r="P29" s="103"/>
      <c r="Q29" s="103"/>
      <c r="R29" s="92"/>
      <c r="S29" s="103"/>
      <c r="T29" s="92"/>
      <c r="U29" s="102"/>
      <c r="V29" s="103"/>
      <c r="W29" s="103"/>
      <c r="X29" s="102"/>
      <c r="Y29" s="102"/>
      <c r="Z29" s="102"/>
      <c r="AA29" s="102"/>
      <c r="AB29" s="92"/>
      <c r="AC29" s="92"/>
      <c r="AD29" s="92"/>
      <c r="AE29" s="108"/>
      <c r="AF29" s="110"/>
      <c r="AG29" s="152"/>
      <c r="AH29" s="155"/>
      <c r="AI29" s="182"/>
      <c r="AJ29" s="182"/>
      <c r="AK29" s="182"/>
      <c r="AL29" s="151"/>
      <c r="AM29" s="148"/>
      <c r="AN29" s="92"/>
      <c r="AO29" s="145"/>
    </row>
    <row r="30" spans="1:41" ht="15.95" customHeight="1" x14ac:dyDescent="0.15">
      <c r="A30" s="148"/>
      <c r="B30" s="92"/>
      <c r="C30" s="92"/>
      <c r="D30" s="145"/>
      <c r="E30" s="92"/>
      <c r="F30" s="92"/>
      <c r="G30" s="92"/>
      <c r="H30" s="145"/>
      <c r="I30" s="148"/>
      <c r="J30" s="92"/>
      <c r="K30" s="92"/>
      <c r="L30" s="145"/>
      <c r="M30" s="155"/>
      <c r="N30" s="175" t="s">
        <v>94</v>
      </c>
      <c r="O30" s="151" t="s">
        <v>7</v>
      </c>
      <c r="P30" s="103" t="s">
        <v>306</v>
      </c>
      <c r="Q30" s="103"/>
      <c r="R30" s="151" t="s">
        <v>54</v>
      </c>
      <c r="S30" s="103" t="s">
        <v>742</v>
      </c>
      <c r="T30" s="92"/>
      <c r="U30" s="102"/>
      <c r="V30" s="151" t="s">
        <v>54</v>
      </c>
      <c r="W30" s="103" t="s">
        <v>0</v>
      </c>
      <c r="X30" s="103"/>
      <c r="Y30" s="102" t="s">
        <v>144</v>
      </c>
      <c r="Z30" s="431"/>
      <c r="AA30" s="431"/>
      <c r="AB30" s="431"/>
      <c r="AC30" s="102"/>
      <c r="AD30" s="102"/>
      <c r="AE30" s="102" t="s">
        <v>112</v>
      </c>
      <c r="AF30" s="103" t="s">
        <v>673</v>
      </c>
      <c r="AG30" s="152"/>
      <c r="AH30" s="102"/>
      <c r="AI30" s="156"/>
      <c r="AJ30" s="92"/>
      <c r="AK30" s="92"/>
      <c r="AL30" s="124"/>
      <c r="AM30" s="148"/>
      <c r="AN30" s="92"/>
      <c r="AO30" s="145"/>
    </row>
    <row r="31" spans="1:41" ht="15.95" customHeight="1" x14ac:dyDescent="0.15">
      <c r="A31" s="148"/>
      <c r="B31" s="92"/>
      <c r="C31" s="92"/>
      <c r="D31" s="145"/>
      <c r="E31" s="92"/>
      <c r="F31" s="92"/>
      <c r="G31" s="92"/>
      <c r="H31" s="145"/>
      <c r="I31" s="148"/>
      <c r="J31" s="92"/>
      <c r="K31" s="92"/>
      <c r="L31" s="145"/>
      <c r="M31" s="155" t="s">
        <v>66</v>
      </c>
      <c r="N31" s="103" t="s">
        <v>309</v>
      </c>
      <c r="O31" s="103"/>
      <c r="P31" s="103"/>
      <c r="Q31" s="103"/>
      <c r="R31" s="92"/>
      <c r="S31" s="103"/>
      <c r="T31" s="92"/>
      <c r="U31" s="102"/>
      <c r="V31" s="103"/>
      <c r="W31" s="103"/>
      <c r="X31" s="102"/>
      <c r="Y31" s="102"/>
      <c r="Z31" s="102"/>
      <c r="AA31" s="102"/>
      <c r="AB31" s="92"/>
      <c r="AC31" s="92"/>
      <c r="AD31" s="92"/>
      <c r="AE31" s="108"/>
      <c r="AF31" s="110"/>
      <c r="AG31" s="152"/>
      <c r="AH31" s="92"/>
      <c r="AI31" s="92"/>
      <c r="AJ31" s="92"/>
      <c r="AK31" s="92"/>
      <c r="AL31" s="124"/>
      <c r="AM31" s="148"/>
      <c r="AN31" s="92"/>
      <c r="AO31" s="145"/>
    </row>
    <row r="32" spans="1:41" ht="15.95" customHeight="1" x14ac:dyDescent="0.15">
      <c r="A32" s="148"/>
      <c r="B32" s="92"/>
      <c r="C32" s="92"/>
      <c r="D32" s="145"/>
      <c r="E32" s="92"/>
      <c r="F32" s="92"/>
      <c r="G32" s="92"/>
      <c r="H32" s="145"/>
      <c r="I32" s="148"/>
      <c r="J32" s="92"/>
      <c r="K32" s="92"/>
      <c r="L32" s="145"/>
      <c r="M32" s="155"/>
      <c r="N32" s="175" t="s">
        <v>94</v>
      </c>
      <c r="O32" s="151" t="s">
        <v>7</v>
      </c>
      <c r="P32" s="103" t="s">
        <v>306</v>
      </c>
      <c r="Q32" s="103"/>
      <c r="R32" s="151" t="s">
        <v>54</v>
      </c>
      <c r="S32" s="103" t="s">
        <v>742</v>
      </c>
      <c r="T32" s="92"/>
      <c r="U32" s="102"/>
      <c r="V32" s="151" t="s">
        <v>54</v>
      </c>
      <c r="W32" s="103" t="s">
        <v>0</v>
      </c>
      <c r="X32" s="103"/>
      <c r="Y32" s="102" t="s">
        <v>144</v>
      </c>
      <c r="Z32" s="431"/>
      <c r="AA32" s="431"/>
      <c r="AB32" s="431"/>
      <c r="AC32" s="102"/>
      <c r="AD32" s="102"/>
      <c r="AE32" s="102" t="s">
        <v>112</v>
      </c>
      <c r="AF32" s="103" t="s">
        <v>673</v>
      </c>
      <c r="AG32" s="152"/>
      <c r="AH32" s="148"/>
      <c r="AI32" s="92"/>
      <c r="AJ32" s="92"/>
      <c r="AK32" s="92"/>
      <c r="AL32" s="92"/>
      <c r="AM32" s="148"/>
      <c r="AN32" s="92"/>
      <c r="AO32" s="145"/>
    </row>
    <row r="33" spans="1:41" ht="15.95" customHeight="1" x14ac:dyDescent="0.15">
      <c r="A33" s="148"/>
      <c r="B33" s="92"/>
      <c r="C33" s="92"/>
      <c r="D33" s="145"/>
      <c r="E33" s="92"/>
      <c r="F33" s="92"/>
      <c r="G33" s="92"/>
      <c r="H33" s="145"/>
      <c r="I33" s="148"/>
      <c r="J33" s="92"/>
      <c r="K33" s="92"/>
      <c r="L33" s="145"/>
      <c r="M33" s="155" t="s">
        <v>66</v>
      </c>
      <c r="N33" s="103" t="s">
        <v>310</v>
      </c>
      <c r="O33" s="103"/>
      <c r="P33" s="103"/>
      <c r="Q33" s="103"/>
      <c r="R33" s="92"/>
      <c r="S33" s="103"/>
      <c r="T33" s="92"/>
      <c r="U33" s="102"/>
      <c r="V33" s="103"/>
      <c r="W33" s="103"/>
      <c r="X33" s="102"/>
      <c r="Y33" s="102"/>
      <c r="Z33" s="102"/>
      <c r="AA33" s="102"/>
      <c r="AB33" s="92"/>
      <c r="AC33" s="92"/>
      <c r="AD33" s="92"/>
      <c r="AE33" s="108"/>
      <c r="AF33" s="110"/>
      <c r="AG33" s="152"/>
      <c r="AH33" s="155"/>
      <c r="AI33" s="92"/>
      <c r="AJ33" s="92"/>
      <c r="AK33" s="92"/>
      <c r="AL33" s="92"/>
      <c r="AM33" s="149"/>
      <c r="AO33" s="104"/>
    </row>
    <row r="34" spans="1:41" ht="15.95" customHeight="1" x14ac:dyDescent="0.15">
      <c r="A34" s="169"/>
      <c r="B34" s="105"/>
      <c r="C34" s="105"/>
      <c r="D34" s="170"/>
      <c r="E34" s="105"/>
      <c r="F34" s="105"/>
      <c r="G34" s="105"/>
      <c r="H34" s="170"/>
      <c r="I34" s="169"/>
      <c r="J34" s="105"/>
      <c r="K34" s="105"/>
      <c r="L34" s="170"/>
      <c r="M34" s="212"/>
      <c r="N34" s="253" t="s">
        <v>94</v>
      </c>
      <c r="O34" s="126" t="s">
        <v>7</v>
      </c>
      <c r="P34" s="97" t="s">
        <v>306</v>
      </c>
      <c r="Q34" s="97"/>
      <c r="R34" s="126" t="s">
        <v>54</v>
      </c>
      <c r="S34" s="97" t="s">
        <v>742</v>
      </c>
      <c r="T34" s="105"/>
      <c r="U34" s="96"/>
      <c r="V34" s="126" t="s">
        <v>54</v>
      </c>
      <c r="W34" s="97" t="s">
        <v>0</v>
      </c>
      <c r="X34" s="97"/>
      <c r="Y34" s="96" t="s">
        <v>144</v>
      </c>
      <c r="Z34" s="456"/>
      <c r="AA34" s="456"/>
      <c r="AB34" s="456"/>
      <c r="AC34" s="96"/>
      <c r="AD34" s="96"/>
      <c r="AE34" s="96" t="s">
        <v>112</v>
      </c>
      <c r="AF34" s="97" t="s">
        <v>673</v>
      </c>
      <c r="AG34" s="259"/>
      <c r="AH34" s="212"/>
      <c r="AI34" s="200"/>
      <c r="AJ34" s="200"/>
      <c r="AK34" s="200"/>
      <c r="AL34" s="200"/>
      <c r="AM34" s="219"/>
      <c r="AN34" s="116"/>
      <c r="AO34" s="106"/>
    </row>
    <row r="35" spans="1:41" ht="15.95" customHeight="1" x14ac:dyDescent="0.15">
      <c r="A35" s="437" t="s">
        <v>311</v>
      </c>
      <c r="B35" s="438"/>
      <c r="C35" s="438"/>
      <c r="D35" s="439"/>
      <c r="E35" s="141"/>
      <c r="F35" s="98"/>
      <c r="G35" s="98"/>
      <c r="H35" s="142"/>
      <c r="I35" s="98"/>
      <c r="J35" s="98"/>
      <c r="K35" s="98"/>
      <c r="L35" s="142"/>
      <c r="M35" s="134"/>
      <c r="N35" s="208"/>
      <c r="O35" s="98"/>
      <c r="P35" s="98"/>
      <c r="Q35" s="114"/>
      <c r="R35" s="114"/>
      <c r="S35" s="208"/>
      <c r="T35" s="208"/>
      <c r="U35" s="208"/>
      <c r="V35" s="208"/>
      <c r="W35" s="208"/>
      <c r="X35" s="208"/>
      <c r="Y35" s="208"/>
      <c r="Z35" s="208"/>
      <c r="AA35" s="208"/>
      <c r="AB35" s="208"/>
      <c r="AC35" s="208"/>
      <c r="AD35" s="208"/>
      <c r="AE35" s="206"/>
      <c r="AF35" s="208"/>
      <c r="AG35" s="262"/>
      <c r="AH35" s="208"/>
      <c r="AI35" s="206"/>
      <c r="AJ35" s="114"/>
      <c r="AK35" s="114"/>
      <c r="AL35" s="114"/>
      <c r="AM35" s="263"/>
      <c r="AN35" s="114"/>
      <c r="AO35" s="99"/>
    </row>
    <row r="36" spans="1:41" ht="15.95" customHeight="1" x14ac:dyDescent="0.15">
      <c r="A36" s="449" t="s">
        <v>312</v>
      </c>
      <c r="B36" s="450"/>
      <c r="C36" s="450"/>
      <c r="D36" s="451"/>
      <c r="E36" s="148"/>
      <c r="F36" s="92"/>
      <c r="G36" s="92"/>
      <c r="H36" s="145"/>
      <c r="I36" s="92"/>
      <c r="J36" s="92"/>
      <c r="K36" s="92"/>
      <c r="L36" s="145"/>
      <c r="M36" s="149"/>
      <c r="N36" s="92" t="s">
        <v>737</v>
      </c>
      <c r="O36" s="92"/>
      <c r="P36" s="92"/>
      <c r="S36" s="103"/>
      <c r="T36" s="103"/>
      <c r="U36" s="103"/>
      <c r="V36" s="103"/>
      <c r="W36" s="103"/>
      <c r="X36" s="103"/>
      <c r="Y36" s="103"/>
      <c r="Z36" s="103"/>
      <c r="AA36" s="103"/>
      <c r="AB36" s="103"/>
      <c r="AC36" s="103"/>
      <c r="AD36" s="103"/>
      <c r="AE36" s="102"/>
      <c r="AF36" s="103"/>
      <c r="AG36" s="251"/>
      <c r="AH36" s="103"/>
      <c r="AI36" s="102"/>
      <c r="AM36" s="149"/>
      <c r="AO36" s="104"/>
    </row>
    <row r="37" spans="1:41" ht="15.95" customHeight="1" x14ac:dyDescent="0.15">
      <c r="A37" s="219"/>
      <c r="B37" s="116"/>
      <c r="C37" s="116"/>
      <c r="D37" s="106"/>
      <c r="E37" s="169"/>
      <c r="F37" s="105"/>
      <c r="G37" s="105"/>
      <c r="H37" s="170"/>
      <c r="I37" s="105"/>
      <c r="J37" s="105"/>
      <c r="K37" s="105"/>
      <c r="L37" s="170"/>
      <c r="M37" s="219"/>
      <c r="N37" s="97"/>
      <c r="O37" s="105"/>
      <c r="P37" s="105"/>
      <c r="Q37" s="116"/>
      <c r="R37" s="116"/>
      <c r="S37" s="97"/>
      <c r="T37" s="97"/>
      <c r="U37" s="97"/>
      <c r="V37" s="97"/>
      <c r="W37" s="97"/>
      <c r="X37" s="97"/>
      <c r="Y37" s="97"/>
      <c r="Z37" s="97"/>
      <c r="AA37" s="97"/>
      <c r="AB37" s="97"/>
      <c r="AC37" s="97"/>
      <c r="AD37" s="97"/>
      <c r="AE37" s="96"/>
      <c r="AF37" s="97"/>
      <c r="AG37" s="191"/>
      <c r="AH37" s="97"/>
      <c r="AI37" s="96"/>
      <c r="AJ37" s="116"/>
      <c r="AK37" s="116"/>
      <c r="AL37" s="116"/>
      <c r="AM37" s="219"/>
      <c r="AN37" s="116"/>
      <c r="AO37" s="106"/>
    </row>
    <row r="38" spans="1:41" x14ac:dyDescent="0.15">
      <c r="A38" s="92" t="s">
        <v>743</v>
      </c>
    </row>
    <row r="39" spans="1:41" x14ac:dyDescent="0.15">
      <c r="A39" s="92"/>
    </row>
    <row r="47" spans="1:41" ht="15.95" customHeight="1" x14ac:dyDescent="0.15"/>
    <row r="48" spans="1:41" ht="15.95" customHeight="1" x14ac:dyDescent="0.15"/>
    <row r="49" spans="1:16" ht="15.95" customHeight="1" x14ac:dyDescent="0.15">
      <c r="P49" s="91" t="s">
        <v>313</v>
      </c>
    </row>
    <row r="50" spans="1:16" ht="15.95" customHeight="1" x14ac:dyDescent="0.15"/>
    <row r="51" spans="1:16" ht="15.95" customHeight="1" x14ac:dyDescent="0.15"/>
    <row r="52" spans="1:16" ht="15.95" customHeight="1" x14ac:dyDescent="0.15"/>
    <row r="53" spans="1:16" ht="15.95" customHeight="1" x14ac:dyDescent="0.15"/>
    <row r="54" spans="1:16" ht="15.95" customHeight="1" x14ac:dyDescent="0.15">
      <c r="A54" s="258"/>
      <c r="B54" s="153"/>
      <c r="C54" s="153"/>
      <c r="D54" s="153"/>
    </row>
    <row r="55" spans="1:16" ht="15.95" customHeight="1" x14ac:dyDescent="0.15">
      <c r="A55" s="260"/>
    </row>
    <row r="56" spans="1:16" ht="15.95" customHeight="1" x14ac:dyDescent="0.15">
      <c r="A56" s="260"/>
    </row>
    <row r="57" spans="1:16" ht="15.95" customHeight="1" x14ac:dyDescent="0.15">
      <c r="A57" s="260"/>
    </row>
    <row r="58" spans="1:16" ht="15.95" customHeight="1" x14ac:dyDescent="0.15">
      <c r="A58" s="260"/>
    </row>
    <row r="59" spans="1:16" ht="15.95" customHeight="1" x14ac:dyDescent="0.15">
      <c r="A59" s="260"/>
    </row>
    <row r="60" spans="1:16" ht="15.95" customHeight="1" x14ac:dyDescent="0.15">
      <c r="A60" s="260"/>
    </row>
    <row r="61" spans="1:16" ht="15.95" customHeight="1" x14ac:dyDescent="0.15">
      <c r="A61" s="260"/>
    </row>
    <row r="62" spans="1:16" ht="15.95" customHeight="1" x14ac:dyDescent="0.15"/>
    <row r="63" spans="1:16" ht="15.95" customHeight="1" x14ac:dyDescent="0.15"/>
    <row r="64" spans="1:16" ht="15.95" customHeight="1" x14ac:dyDescent="0.15"/>
    <row r="65" ht="15.95" customHeight="1" x14ac:dyDescent="0.15"/>
    <row r="66" ht="15.95" customHeight="1" x14ac:dyDescent="0.15"/>
    <row r="67" ht="15.95" customHeight="1" x14ac:dyDescent="0.15"/>
    <row r="68" ht="15.95" customHeight="1" x14ac:dyDescent="0.15"/>
    <row r="69" ht="15.95" customHeight="1" x14ac:dyDescent="0.15"/>
    <row r="70" ht="15.95" customHeight="1" x14ac:dyDescent="0.15"/>
    <row r="71" ht="15.95" customHeight="1" x14ac:dyDescent="0.15"/>
    <row r="72" ht="15.95" customHeight="1" x14ac:dyDescent="0.15"/>
    <row r="73" ht="15.95" customHeight="1" x14ac:dyDescent="0.15"/>
    <row r="74" ht="15.95" customHeight="1" x14ac:dyDescent="0.15"/>
    <row r="75" ht="15.95" customHeight="1" x14ac:dyDescent="0.15"/>
    <row r="76" ht="15.95" customHeight="1" x14ac:dyDescent="0.15"/>
    <row r="77" ht="15.95" customHeight="1" x14ac:dyDescent="0.15"/>
    <row r="78" ht="15.95" customHeight="1" x14ac:dyDescent="0.15"/>
    <row r="79" ht="15.95" customHeight="1" x14ac:dyDescent="0.15"/>
    <row r="80"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sheetData>
  <mergeCells count="43">
    <mergeCell ref="Z32:AB32"/>
    <mergeCell ref="Z34:AB34"/>
    <mergeCell ref="A35:D35"/>
    <mergeCell ref="A36:D36"/>
    <mergeCell ref="E25:H25"/>
    <mergeCell ref="I25:L25"/>
    <mergeCell ref="I26:L26"/>
    <mergeCell ref="Z26:AB26"/>
    <mergeCell ref="Z28:AB28"/>
    <mergeCell ref="Z30:AB30"/>
    <mergeCell ref="T20:AA20"/>
    <mergeCell ref="I21:L21"/>
    <mergeCell ref="Q21:AA21"/>
    <mergeCell ref="I22:L22"/>
    <mergeCell ref="N23:O23"/>
    <mergeCell ref="Q23:AA23"/>
    <mergeCell ref="I14:L14"/>
    <mergeCell ref="E16:H16"/>
    <mergeCell ref="I16:L16"/>
    <mergeCell ref="I17:L17"/>
    <mergeCell ref="E20:H22"/>
    <mergeCell ref="I20:L20"/>
    <mergeCell ref="I13:L13"/>
    <mergeCell ref="A5:D5"/>
    <mergeCell ref="A8:D8"/>
    <mergeCell ref="E8:H8"/>
    <mergeCell ref="I8:L8"/>
    <mergeCell ref="A9:D9"/>
    <mergeCell ref="I9:L9"/>
    <mergeCell ref="A10:D10"/>
    <mergeCell ref="I10:L10"/>
    <mergeCell ref="A11:D11"/>
    <mergeCell ref="E12:H12"/>
    <mergeCell ref="I12:L12"/>
    <mergeCell ref="A3:D4"/>
    <mergeCell ref="E3:H3"/>
    <mergeCell ref="I3:AD3"/>
    <mergeCell ref="AH3:AL4"/>
    <mergeCell ref="AM3:AO3"/>
    <mergeCell ref="E4:H4"/>
    <mergeCell ref="I4:L4"/>
    <mergeCell ref="M4:AG4"/>
    <mergeCell ref="AM4:AO4"/>
  </mergeCells>
  <phoneticPr fontId="20"/>
  <dataValidations count="1">
    <dataValidation type="list" allowBlank="1" showInputMessage="1" showErrorMessage="1" sqref="AL8:AL9 AL24:AL26 AL19:AL21 AL15:AL17 AH25:AH26 AH20:AH21 AL11:AL13 O17 U17 Y17 O19 U19 Y19 M20:M22 AH8:AH17 O26 R26 V26 O28 R28 V28 O30 R30 V30 O32 R32 V32 O34 R34 V34 T12:T14 M15 AL29 Q8:Q10 Q12:Q14 T8:T10 M24">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79998168889431442"/>
  </sheetPr>
  <dimension ref="A1:AO193"/>
  <sheetViews>
    <sheetView showGridLines="0" view="pageBreakPreview" zoomScale="85" zoomScaleNormal="85" zoomScaleSheetLayoutView="85" workbookViewId="0"/>
  </sheetViews>
  <sheetFormatPr defaultRowHeight="12" x14ac:dyDescent="0.15"/>
  <cols>
    <col min="1" max="41" width="2.625" style="91" customWidth="1"/>
    <col min="42" max="16384" width="9" style="91"/>
  </cols>
  <sheetData>
    <row r="1" spans="1:41" ht="30" customHeight="1" x14ac:dyDescent="0.15">
      <c r="A1" s="87" t="s">
        <v>267</v>
      </c>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O1" s="90" t="s">
        <v>314</v>
      </c>
    </row>
    <row r="2" spans="1:41" ht="15.95" customHeight="1" x14ac:dyDescent="0.15">
      <c r="A2" s="248"/>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343"/>
      <c r="AB2" s="343"/>
      <c r="AC2" s="343"/>
      <c r="AD2" s="343"/>
      <c r="AE2" s="343"/>
      <c r="AF2" s="343"/>
      <c r="AG2" s="343"/>
      <c r="AH2" s="343"/>
      <c r="AI2" s="343"/>
      <c r="AJ2" s="343"/>
      <c r="AK2" s="343"/>
      <c r="AL2" s="343"/>
    </row>
    <row r="3" spans="1:41" ht="15.95" customHeight="1" x14ac:dyDescent="0.15">
      <c r="A3" s="452" t="s">
        <v>55</v>
      </c>
      <c r="B3" s="453"/>
      <c r="C3" s="453"/>
      <c r="D3" s="454"/>
      <c r="E3" s="437" t="s">
        <v>56</v>
      </c>
      <c r="F3" s="438"/>
      <c r="G3" s="438"/>
      <c r="H3" s="439"/>
      <c r="I3" s="458" t="s">
        <v>57</v>
      </c>
      <c r="J3" s="459"/>
      <c r="K3" s="459"/>
      <c r="L3" s="459"/>
      <c r="M3" s="459"/>
      <c r="N3" s="459"/>
      <c r="O3" s="459"/>
      <c r="P3" s="459"/>
      <c r="Q3" s="459"/>
      <c r="R3" s="459"/>
      <c r="S3" s="459"/>
      <c r="T3" s="459"/>
      <c r="U3" s="459"/>
      <c r="V3" s="459"/>
      <c r="W3" s="459"/>
      <c r="X3" s="459"/>
      <c r="Y3" s="459"/>
      <c r="Z3" s="459"/>
      <c r="AA3" s="459"/>
      <c r="AB3" s="459"/>
      <c r="AC3" s="459"/>
      <c r="AD3" s="459"/>
      <c r="AE3" s="94"/>
      <c r="AF3" s="94"/>
      <c r="AG3" s="94" t="s">
        <v>58</v>
      </c>
      <c r="AH3" s="452" t="s">
        <v>59</v>
      </c>
      <c r="AI3" s="453"/>
      <c r="AJ3" s="453"/>
      <c r="AK3" s="453"/>
      <c r="AL3" s="453"/>
      <c r="AM3" s="452" t="s">
        <v>60</v>
      </c>
      <c r="AN3" s="453"/>
      <c r="AO3" s="454"/>
    </row>
    <row r="4" spans="1:41" ht="15.95" customHeight="1" x14ac:dyDescent="0.15">
      <c r="A4" s="455"/>
      <c r="B4" s="456"/>
      <c r="C4" s="456"/>
      <c r="D4" s="457"/>
      <c r="E4" s="461" t="s">
        <v>61</v>
      </c>
      <c r="F4" s="462"/>
      <c r="G4" s="462"/>
      <c r="H4" s="463"/>
      <c r="I4" s="464" t="s">
        <v>61</v>
      </c>
      <c r="J4" s="465"/>
      <c r="K4" s="465"/>
      <c r="L4" s="466"/>
      <c r="M4" s="458" t="s">
        <v>60</v>
      </c>
      <c r="N4" s="459"/>
      <c r="O4" s="459"/>
      <c r="P4" s="459"/>
      <c r="Q4" s="459"/>
      <c r="R4" s="459"/>
      <c r="S4" s="459"/>
      <c r="T4" s="459"/>
      <c r="U4" s="459"/>
      <c r="V4" s="459"/>
      <c r="W4" s="459"/>
      <c r="X4" s="459"/>
      <c r="Y4" s="459"/>
      <c r="Z4" s="459"/>
      <c r="AA4" s="459"/>
      <c r="AB4" s="459"/>
      <c r="AC4" s="459"/>
      <c r="AD4" s="459"/>
      <c r="AE4" s="459"/>
      <c r="AF4" s="459"/>
      <c r="AG4" s="459"/>
      <c r="AH4" s="455"/>
      <c r="AI4" s="456"/>
      <c r="AJ4" s="456"/>
      <c r="AK4" s="456"/>
      <c r="AL4" s="456"/>
      <c r="AM4" s="455" t="s">
        <v>62</v>
      </c>
      <c r="AN4" s="456"/>
      <c r="AO4" s="457"/>
    </row>
    <row r="5" spans="1:41" ht="15.95" customHeight="1" x14ac:dyDescent="0.15">
      <c r="A5" s="449" t="s">
        <v>319</v>
      </c>
      <c r="B5" s="450"/>
      <c r="C5" s="450"/>
      <c r="D5" s="451"/>
      <c r="E5" s="473" t="s">
        <v>315</v>
      </c>
      <c r="F5" s="474"/>
      <c r="G5" s="474"/>
      <c r="H5" s="475"/>
      <c r="I5" s="437" t="s">
        <v>315</v>
      </c>
      <c r="J5" s="438"/>
      <c r="K5" s="438"/>
      <c r="L5" s="439"/>
      <c r="M5" s="138" t="s">
        <v>7</v>
      </c>
      <c r="N5" s="208" t="s">
        <v>882</v>
      </c>
      <c r="O5" s="98"/>
      <c r="P5" s="98"/>
      <c r="Q5" s="114"/>
      <c r="R5" s="208"/>
      <c r="S5" s="208"/>
      <c r="T5" s="140"/>
      <c r="U5" s="208"/>
      <c r="V5" s="208"/>
      <c r="W5" s="208"/>
      <c r="X5" s="140"/>
      <c r="Y5" s="208"/>
      <c r="Z5" s="208"/>
      <c r="AA5" s="114"/>
      <c r="AB5" s="114"/>
      <c r="AC5" s="206"/>
      <c r="AD5" s="208"/>
      <c r="AE5" s="208"/>
      <c r="AF5" s="114"/>
      <c r="AG5" s="99"/>
      <c r="AH5" s="151" t="s">
        <v>7</v>
      </c>
      <c r="AI5" s="92" t="s">
        <v>686</v>
      </c>
      <c r="AJ5" s="124"/>
      <c r="AK5" s="98"/>
      <c r="AL5" s="221"/>
      <c r="AM5" s="141"/>
      <c r="AN5" s="98"/>
      <c r="AO5" s="142"/>
    </row>
    <row r="6" spans="1:41" ht="15.95" customHeight="1" x14ac:dyDescent="0.15">
      <c r="A6" s="449" t="s">
        <v>321</v>
      </c>
      <c r="B6" s="450"/>
      <c r="C6" s="450"/>
      <c r="D6" s="451"/>
      <c r="E6" s="148"/>
      <c r="F6" s="92"/>
      <c r="G6" s="92"/>
      <c r="H6" s="145"/>
      <c r="I6" s="148"/>
      <c r="J6" s="92"/>
      <c r="K6" s="92"/>
      <c r="L6" s="145"/>
      <c r="M6" s="149"/>
      <c r="N6" s="151" t="s">
        <v>7</v>
      </c>
      <c r="O6" s="103" t="s">
        <v>744</v>
      </c>
      <c r="P6" s="92"/>
      <c r="Q6" s="92"/>
      <c r="T6" s="103"/>
      <c r="U6" s="151" t="s">
        <v>54</v>
      </c>
      <c r="V6" s="103" t="s">
        <v>745</v>
      </c>
      <c r="W6" s="103"/>
      <c r="X6" s="103"/>
      <c r="Y6" s="103"/>
      <c r="Z6" s="103"/>
      <c r="AA6" s="103"/>
      <c r="AB6" s="103"/>
      <c r="AC6" s="102"/>
      <c r="AD6" s="103"/>
      <c r="AE6" s="103"/>
      <c r="AG6" s="104"/>
      <c r="AH6" s="151" t="s">
        <v>7</v>
      </c>
      <c r="AI6" s="92" t="s">
        <v>746</v>
      </c>
      <c r="AJ6" s="124"/>
      <c r="AK6" s="92"/>
      <c r="AL6" s="157"/>
      <c r="AM6" s="148"/>
      <c r="AN6" s="92"/>
      <c r="AO6" s="145"/>
    </row>
    <row r="7" spans="1:41" ht="15.95" customHeight="1" x14ac:dyDescent="0.15">
      <c r="A7" s="162"/>
      <c r="B7" s="153"/>
      <c r="C7" s="153"/>
      <c r="D7" s="154"/>
      <c r="E7" s="169"/>
      <c r="F7" s="105"/>
      <c r="G7" s="105"/>
      <c r="H7" s="170"/>
      <c r="I7" s="148"/>
      <c r="J7" s="92"/>
      <c r="K7" s="92"/>
      <c r="L7" s="145"/>
      <c r="M7" s="146" t="s">
        <v>7</v>
      </c>
      <c r="N7" s="103" t="s">
        <v>847</v>
      </c>
      <c r="O7" s="103"/>
      <c r="P7" s="92"/>
      <c r="Q7" s="92"/>
      <c r="T7" s="103"/>
      <c r="U7" s="151"/>
      <c r="V7" s="103"/>
      <c r="W7" s="103"/>
      <c r="X7" s="103"/>
      <c r="Y7" s="103"/>
      <c r="Z7" s="103"/>
      <c r="AA7" s="103"/>
      <c r="AB7" s="103"/>
      <c r="AC7" s="102"/>
      <c r="AD7" s="103"/>
      <c r="AE7" s="103"/>
      <c r="AG7" s="104"/>
      <c r="AH7" s="151" t="s">
        <v>7</v>
      </c>
      <c r="AI7" s="92" t="s">
        <v>169</v>
      </c>
      <c r="AJ7" s="124"/>
      <c r="AK7" s="124"/>
      <c r="AL7" s="124"/>
      <c r="AM7" s="148"/>
      <c r="AN7" s="92"/>
      <c r="AO7" s="145"/>
    </row>
    <row r="8" spans="1:41" ht="15.95" customHeight="1" x14ac:dyDescent="0.15">
      <c r="A8" s="449" t="s">
        <v>747</v>
      </c>
      <c r="B8" s="450"/>
      <c r="C8" s="450"/>
      <c r="D8" s="451"/>
      <c r="E8" s="511" t="s">
        <v>748</v>
      </c>
      <c r="F8" s="512"/>
      <c r="G8" s="512"/>
      <c r="H8" s="513"/>
      <c r="I8" s="437" t="s">
        <v>854</v>
      </c>
      <c r="J8" s="438"/>
      <c r="K8" s="438"/>
      <c r="L8" s="439"/>
      <c r="M8" s="208" t="s">
        <v>336</v>
      </c>
      <c r="N8" s="208"/>
      <c r="O8" s="208" t="s">
        <v>851</v>
      </c>
      <c r="P8" s="98"/>
      <c r="Q8" s="98"/>
      <c r="R8" s="114"/>
      <c r="S8" s="114"/>
      <c r="T8" s="208"/>
      <c r="U8" s="140"/>
      <c r="V8" s="208"/>
      <c r="W8" s="208"/>
      <c r="X8" s="208"/>
      <c r="Y8" s="208"/>
      <c r="Z8" s="208"/>
      <c r="AA8" s="208"/>
      <c r="AB8" s="208"/>
      <c r="AC8" s="206"/>
      <c r="AD8" s="208"/>
      <c r="AE8" s="208"/>
      <c r="AF8" s="114"/>
      <c r="AG8" s="99" t="s">
        <v>852</v>
      </c>
      <c r="AH8" s="151" t="s">
        <v>7</v>
      </c>
      <c r="AI8" s="92" t="s">
        <v>162</v>
      </c>
      <c r="AJ8" s="124"/>
      <c r="AK8" s="124"/>
      <c r="AL8" s="124"/>
      <c r="AM8" s="148"/>
      <c r="AN8" s="92"/>
      <c r="AO8" s="145"/>
    </row>
    <row r="9" spans="1:41" ht="15.95" customHeight="1" x14ac:dyDescent="0.15">
      <c r="A9" s="449" t="s">
        <v>749</v>
      </c>
      <c r="B9" s="450"/>
      <c r="C9" s="450"/>
      <c r="D9" s="451"/>
      <c r="E9" s="514" t="s">
        <v>750</v>
      </c>
      <c r="F9" s="515"/>
      <c r="G9" s="515"/>
      <c r="H9" s="516"/>
      <c r="I9" s="449" t="s">
        <v>855</v>
      </c>
      <c r="J9" s="450"/>
      <c r="K9" s="450"/>
      <c r="L9" s="451"/>
      <c r="M9" s="103" t="s">
        <v>340</v>
      </c>
      <c r="N9" s="103"/>
      <c r="O9" s="103" t="s">
        <v>851</v>
      </c>
      <c r="P9" s="92"/>
      <c r="Q9" s="92"/>
      <c r="T9" s="103"/>
      <c r="U9" s="151"/>
      <c r="V9" s="103"/>
      <c r="W9" s="103"/>
      <c r="X9" s="103"/>
      <c r="Y9" s="103"/>
      <c r="Z9" s="103"/>
      <c r="AA9" s="103"/>
      <c r="AB9" s="103"/>
      <c r="AC9" s="102"/>
      <c r="AD9" s="103"/>
      <c r="AE9" s="103"/>
      <c r="AG9" s="104" t="s">
        <v>852</v>
      </c>
      <c r="AH9" s="151" t="s">
        <v>7</v>
      </c>
      <c r="AI9" s="92" t="s">
        <v>753</v>
      </c>
      <c r="AK9" s="124"/>
      <c r="AL9" s="124"/>
      <c r="AM9" s="148"/>
      <c r="AN9" s="92"/>
      <c r="AO9" s="145"/>
    </row>
    <row r="10" spans="1:41" ht="15.95" customHeight="1" x14ac:dyDescent="0.15">
      <c r="A10" s="162"/>
      <c r="B10" s="153"/>
      <c r="C10" s="153"/>
      <c r="D10" s="154"/>
      <c r="E10" s="514" t="s">
        <v>751</v>
      </c>
      <c r="F10" s="515"/>
      <c r="G10" s="515"/>
      <c r="H10" s="516"/>
      <c r="I10" s="148"/>
      <c r="J10" s="92"/>
      <c r="K10" s="92"/>
      <c r="L10" s="145"/>
      <c r="M10" s="103" t="s">
        <v>341</v>
      </c>
      <c r="N10" s="103"/>
      <c r="O10" s="103" t="s">
        <v>851</v>
      </c>
      <c r="P10" s="92"/>
      <c r="Q10" s="92"/>
      <c r="T10" s="103"/>
      <c r="U10" s="151"/>
      <c r="V10" s="103"/>
      <c r="W10" s="103"/>
      <c r="X10" s="103"/>
      <c r="Y10" s="103"/>
      <c r="Z10" s="103"/>
      <c r="AA10" s="103"/>
      <c r="AB10" s="103"/>
      <c r="AC10" s="102"/>
      <c r="AD10" s="103"/>
      <c r="AE10" s="103"/>
      <c r="AG10" s="104" t="s">
        <v>852</v>
      </c>
      <c r="AH10" s="151" t="s">
        <v>7</v>
      </c>
      <c r="AI10" s="92" t="s">
        <v>754</v>
      </c>
      <c r="AJ10" s="92"/>
      <c r="AK10" s="124"/>
      <c r="AL10" s="124"/>
      <c r="AM10" s="148"/>
      <c r="AN10" s="92"/>
      <c r="AO10" s="145"/>
    </row>
    <row r="11" spans="1:41" ht="15.95" customHeight="1" x14ac:dyDescent="0.15">
      <c r="A11" s="149"/>
      <c r="E11" s="148"/>
      <c r="F11" s="92"/>
      <c r="G11" s="92"/>
      <c r="H11" s="92"/>
      <c r="I11" s="148"/>
      <c r="J11" s="92"/>
      <c r="K11" s="92"/>
      <c r="L11" s="145"/>
      <c r="M11" s="103" t="s">
        <v>342</v>
      </c>
      <c r="N11" s="103"/>
      <c r="O11" s="103" t="s">
        <v>849</v>
      </c>
      <c r="P11" s="92"/>
      <c r="Q11" s="92"/>
      <c r="T11" s="103" t="s">
        <v>851</v>
      </c>
      <c r="U11" s="151"/>
      <c r="V11" s="103"/>
      <c r="W11" s="103"/>
      <c r="X11" s="103"/>
      <c r="Y11" s="103"/>
      <c r="Z11" s="103"/>
      <c r="AA11" s="103"/>
      <c r="AB11" s="103"/>
      <c r="AC11" s="102"/>
      <c r="AD11" s="103"/>
      <c r="AE11" s="103"/>
      <c r="AG11" s="104" t="s">
        <v>852</v>
      </c>
      <c r="AH11" s="151" t="s">
        <v>7</v>
      </c>
      <c r="AI11" s="92"/>
      <c r="AJ11" s="92"/>
      <c r="AK11" s="182"/>
      <c r="AL11" s="124"/>
      <c r="AM11" s="148"/>
      <c r="AN11" s="92"/>
      <c r="AO11" s="145"/>
    </row>
    <row r="12" spans="1:41" ht="15.95" customHeight="1" x14ac:dyDescent="0.15">
      <c r="A12" s="449" t="s">
        <v>755</v>
      </c>
      <c r="B12" s="450"/>
      <c r="C12" s="450"/>
      <c r="D12" s="451"/>
      <c r="E12" s="148"/>
      <c r="F12" s="92"/>
      <c r="G12" s="92"/>
      <c r="H12" s="92"/>
      <c r="I12" s="148"/>
      <c r="J12" s="92"/>
      <c r="K12" s="92"/>
      <c r="L12" s="145"/>
      <c r="M12" s="103"/>
      <c r="N12" s="103"/>
      <c r="O12" s="103" t="s">
        <v>850</v>
      </c>
      <c r="P12" s="92"/>
      <c r="Q12" s="92"/>
      <c r="T12" s="103" t="s">
        <v>851</v>
      </c>
      <c r="U12" s="151"/>
      <c r="V12" s="103"/>
      <c r="W12" s="103"/>
      <c r="X12" s="103"/>
      <c r="Y12" s="103"/>
      <c r="Z12" s="103"/>
      <c r="AA12" s="103"/>
      <c r="AB12" s="103"/>
      <c r="AC12" s="102"/>
      <c r="AD12" s="103"/>
      <c r="AE12" s="103"/>
      <c r="AG12" s="104" t="s">
        <v>852</v>
      </c>
      <c r="AH12" s="151"/>
      <c r="AI12" s="92"/>
      <c r="AJ12" s="124"/>
      <c r="AK12" s="124"/>
      <c r="AL12" s="124"/>
      <c r="AM12" s="148"/>
      <c r="AN12" s="92"/>
      <c r="AO12" s="145"/>
    </row>
    <row r="13" spans="1:41" ht="15.95" customHeight="1" x14ac:dyDescent="0.15">
      <c r="A13" s="162" t="s">
        <v>25</v>
      </c>
      <c r="B13" s="431"/>
      <c r="C13" s="431"/>
      <c r="D13" s="154" t="s">
        <v>26</v>
      </c>
      <c r="E13" s="148"/>
      <c r="F13" s="92"/>
      <c r="G13" s="92"/>
      <c r="H13" s="92"/>
      <c r="I13" s="169"/>
      <c r="J13" s="105"/>
      <c r="K13" s="105"/>
      <c r="L13" s="170"/>
      <c r="M13" s="97" t="s">
        <v>853</v>
      </c>
      <c r="N13" s="97"/>
      <c r="O13" s="97"/>
      <c r="P13" s="105"/>
      <c r="Q13" s="105"/>
      <c r="R13" s="116"/>
      <c r="S13" s="116"/>
      <c r="T13" s="97"/>
      <c r="U13" s="126"/>
      <c r="V13" s="97"/>
      <c r="W13" s="97"/>
      <c r="X13" s="97"/>
      <c r="Y13" s="97"/>
      <c r="Z13" s="97"/>
      <c r="AA13" s="97"/>
      <c r="AB13" s="97"/>
      <c r="AC13" s="96"/>
      <c r="AD13" s="97"/>
      <c r="AE13" s="97"/>
      <c r="AF13" s="116"/>
      <c r="AG13" s="106" t="s">
        <v>852</v>
      </c>
      <c r="AH13" s="151"/>
      <c r="AI13" s="92"/>
      <c r="AJ13" s="124"/>
      <c r="AK13" s="124"/>
      <c r="AL13" s="124"/>
      <c r="AM13" s="148"/>
      <c r="AN13" s="92"/>
      <c r="AO13" s="145"/>
    </row>
    <row r="14" spans="1:41" ht="15.95" customHeight="1" x14ac:dyDescent="0.15">
      <c r="A14" s="162"/>
      <c r="B14" s="153"/>
      <c r="C14" s="153"/>
      <c r="D14" s="154"/>
      <c r="E14" s="148"/>
      <c r="F14" s="92"/>
      <c r="G14" s="92"/>
      <c r="H14" s="92"/>
      <c r="I14" s="437" t="s">
        <v>856</v>
      </c>
      <c r="J14" s="438"/>
      <c r="K14" s="438"/>
      <c r="L14" s="439"/>
      <c r="M14" s="208" t="s">
        <v>858</v>
      </c>
      <c r="N14" s="208"/>
      <c r="O14" s="208"/>
      <c r="P14" s="98"/>
      <c r="Q14" s="98"/>
      <c r="R14" s="114"/>
      <c r="S14" s="114"/>
      <c r="T14" s="208"/>
      <c r="U14" s="140"/>
      <c r="V14" s="208"/>
      <c r="W14" s="208"/>
      <c r="X14" s="208"/>
      <c r="Y14" s="208"/>
      <c r="Z14" s="208"/>
      <c r="AA14" s="208"/>
      <c r="AB14" s="208"/>
      <c r="AC14" s="206"/>
      <c r="AD14" s="208"/>
      <c r="AE14" s="208"/>
      <c r="AF14" s="114"/>
      <c r="AG14" s="99"/>
      <c r="AH14" s="151"/>
      <c r="AI14" s="92"/>
      <c r="AJ14" s="124"/>
      <c r="AK14" s="124"/>
      <c r="AL14" s="124"/>
      <c r="AM14" s="148"/>
      <c r="AN14" s="92"/>
      <c r="AO14" s="145"/>
    </row>
    <row r="15" spans="1:41" ht="15.95" customHeight="1" x14ac:dyDescent="0.15">
      <c r="A15" s="162"/>
      <c r="B15" s="153"/>
      <c r="C15" s="153"/>
      <c r="D15" s="154"/>
      <c r="E15" s="148"/>
      <c r="F15" s="92"/>
      <c r="G15" s="92"/>
      <c r="H15" s="92"/>
      <c r="I15" s="449" t="s">
        <v>857</v>
      </c>
      <c r="J15" s="450"/>
      <c r="K15" s="450"/>
      <c r="L15" s="451"/>
      <c r="M15" s="103" t="s">
        <v>859</v>
      </c>
      <c r="N15" s="103"/>
      <c r="O15" s="103"/>
      <c r="P15" s="92"/>
      <c r="Q15" s="92"/>
      <c r="R15" s="91" t="s">
        <v>860</v>
      </c>
      <c r="T15" s="103"/>
      <c r="U15" s="151"/>
      <c r="V15" s="103"/>
      <c r="W15" s="103"/>
      <c r="X15" s="103"/>
      <c r="Y15" s="103"/>
      <c r="Z15" s="103"/>
      <c r="AA15" s="103"/>
      <c r="AB15" s="103"/>
      <c r="AC15" s="102"/>
      <c r="AD15" s="103"/>
      <c r="AE15" s="103"/>
      <c r="AG15" s="104"/>
      <c r="AH15" s="151"/>
      <c r="AI15" s="92"/>
      <c r="AJ15" s="124"/>
      <c r="AK15" s="124"/>
      <c r="AL15" s="124"/>
      <c r="AM15" s="148"/>
      <c r="AN15" s="92"/>
      <c r="AO15" s="145"/>
    </row>
    <row r="16" spans="1:41" ht="15.95" customHeight="1" x14ac:dyDescent="0.15">
      <c r="A16" s="162"/>
      <c r="B16" s="153"/>
      <c r="C16" s="153"/>
      <c r="D16" s="154"/>
      <c r="E16" s="148"/>
      <c r="F16" s="92"/>
      <c r="G16" s="92"/>
      <c r="H16" s="92"/>
      <c r="I16" s="148"/>
      <c r="J16" s="92"/>
      <c r="K16" s="92"/>
      <c r="L16" s="145"/>
      <c r="M16" s="103" t="s">
        <v>851</v>
      </c>
      <c r="N16" s="103"/>
      <c r="O16" s="103"/>
      <c r="P16" s="92"/>
      <c r="Q16" s="92" t="s">
        <v>852</v>
      </c>
      <c r="R16" s="91" t="s">
        <v>851</v>
      </c>
      <c r="T16" s="103"/>
      <c r="U16" s="151"/>
      <c r="V16" s="103"/>
      <c r="W16" s="103"/>
      <c r="X16" s="103"/>
      <c r="Y16" s="103"/>
      <c r="Z16" s="103"/>
      <c r="AA16" s="103"/>
      <c r="AB16" s="103"/>
      <c r="AC16" s="102"/>
      <c r="AD16" s="103"/>
      <c r="AE16" s="103"/>
      <c r="AG16" s="104" t="s">
        <v>852</v>
      </c>
      <c r="AH16" s="151"/>
      <c r="AI16" s="92"/>
      <c r="AJ16" s="124"/>
      <c r="AK16" s="124"/>
      <c r="AL16" s="124"/>
      <c r="AM16" s="148"/>
      <c r="AN16" s="92"/>
      <c r="AO16" s="145"/>
    </row>
    <row r="17" spans="1:41" ht="15.95" customHeight="1" x14ac:dyDescent="0.15">
      <c r="A17" s="162"/>
      <c r="B17" s="153"/>
      <c r="C17" s="153"/>
      <c r="D17" s="154"/>
      <c r="E17" s="148"/>
      <c r="F17" s="92"/>
      <c r="G17" s="92"/>
      <c r="H17" s="92"/>
      <c r="I17" s="148"/>
      <c r="J17" s="92"/>
      <c r="K17" s="92"/>
      <c r="L17" s="145"/>
      <c r="M17" s="103" t="s">
        <v>851</v>
      </c>
      <c r="N17" s="103"/>
      <c r="O17" s="103"/>
      <c r="P17" s="92"/>
      <c r="Q17" s="92" t="s">
        <v>852</v>
      </c>
      <c r="R17" s="91" t="s">
        <v>851</v>
      </c>
      <c r="T17" s="103"/>
      <c r="U17" s="151"/>
      <c r="V17" s="103"/>
      <c r="W17" s="103"/>
      <c r="X17" s="103"/>
      <c r="Y17" s="103"/>
      <c r="Z17" s="103"/>
      <c r="AA17" s="103"/>
      <c r="AB17" s="103"/>
      <c r="AC17" s="102"/>
      <c r="AD17" s="103"/>
      <c r="AE17" s="103"/>
      <c r="AG17" s="104" t="s">
        <v>852</v>
      </c>
      <c r="AH17" s="151"/>
      <c r="AI17" s="92"/>
      <c r="AJ17" s="124"/>
      <c r="AK17" s="124"/>
      <c r="AL17" s="124"/>
      <c r="AM17" s="148"/>
      <c r="AN17" s="92"/>
      <c r="AO17" s="145"/>
    </row>
    <row r="18" spans="1:41" ht="15.95" customHeight="1" x14ac:dyDescent="0.15">
      <c r="A18" s="162"/>
      <c r="B18" s="153"/>
      <c r="C18" s="153"/>
      <c r="D18" s="154"/>
      <c r="E18" s="148"/>
      <c r="F18" s="92"/>
      <c r="G18" s="92"/>
      <c r="H18" s="92"/>
      <c r="I18" s="169"/>
      <c r="J18" s="105"/>
      <c r="K18" s="105"/>
      <c r="L18" s="170"/>
      <c r="M18" s="97" t="s">
        <v>851</v>
      </c>
      <c r="N18" s="97"/>
      <c r="O18" s="97"/>
      <c r="P18" s="105"/>
      <c r="Q18" s="105" t="s">
        <v>852</v>
      </c>
      <c r="R18" s="116" t="s">
        <v>851</v>
      </c>
      <c r="S18" s="116"/>
      <c r="T18" s="97"/>
      <c r="U18" s="126"/>
      <c r="V18" s="97"/>
      <c r="W18" s="97"/>
      <c r="X18" s="97"/>
      <c r="Y18" s="97"/>
      <c r="Z18" s="97"/>
      <c r="AA18" s="97"/>
      <c r="AB18" s="97"/>
      <c r="AC18" s="96"/>
      <c r="AD18" s="97"/>
      <c r="AE18" s="97"/>
      <c r="AF18" s="116"/>
      <c r="AG18" s="106" t="s">
        <v>852</v>
      </c>
      <c r="AH18" s="151"/>
      <c r="AI18" s="92"/>
      <c r="AJ18" s="124"/>
      <c r="AK18" s="124"/>
      <c r="AL18" s="124"/>
      <c r="AM18" s="148"/>
      <c r="AN18" s="92"/>
      <c r="AO18" s="145"/>
    </row>
    <row r="19" spans="1:41" ht="15.95" customHeight="1" x14ac:dyDescent="0.15">
      <c r="A19" s="162"/>
      <c r="B19" s="153"/>
      <c r="C19" s="153"/>
      <c r="D19" s="154"/>
      <c r="E19" s="148"/>
      <c r="F19" s="92"/>
      <c r="G19" s="92"/>
      <c r="H19" s="92"/>
      <c r="I19" s="437" t="s">
        <v>856</v>
      </c>
      <c r="J19" s="438"/>
      <c r="K19" s="438"/>
      <c r="L19" s="439"/>
      <c r="M19" s="208" t="s">
        <v>862</v>
      </c>
      <c r="N19" s="208"/>
      <c r="O19" s="208"/>
      <c r="P19" s="98" t="s">
        <v>863</v>
      </c>
      <c r="Q19" s="98"/>
      <c r="R19" s="114"/>
      <c r="S19" s="114"/>
      <c r="T19" s="208"/>
      <c r="U19" s="140"/>
      <c r="V19" s="208"/>
      <c r="W19" s="208"/>
      <c r="X19" s="208" t="s">
        <v>864</v>
      </c>
      <c r="Y19" s="208"/>
      <c r="Z19" s="208"/>
      <c r="AA19" s="208"/>
      <c r="AB19" s="208"/>
      <c r="AC19" s="206"/>
      <c r="AD19" s="208"/>
      <c r="AE19" s="208"/>
      <c r="AF19" s="114"/>
      <c r="AG19" s="99"/>
      <c r="AH19" s="151"/>
      <c r="AI19" s="92"/>
      <c r="AJ19" s="124"/>
      <c r="AK19" s="124"/>
      <c r="AL19" s="124"/>
      <c r="AM19" s="148"/>
      <c r="AN19" s="92"/>
      <c r="AO19" s="145"/>
    </row>
    <row r="20" spans="1:41" ht="15.95" customHeight="1" x14ac:dyDescent="0.15">
      <c r="A20" s="162"/>
      <c r="B20" s="153"/>
      <c r="C20" s="153"/>
      <c r="D20" s="154"/>
      <c r="E20" s="148"/>
      <c r="F20" s="92"/>
      <c r="G20" s="92"/>
      <c r="H20" s="92"/>
      <c r="I20" s="449" t="s">
        <v>861</v>
      </c>
      <c r="J20" s="450"/>
      <c r="K20" s="450"/>
      <c r="L20" s="451"/>
      <c r="M20" s="103" t="s">
        <v>851</v>
      </c>
      <c r="N20" s="103"/>
      <c r="O20" s="103" t="s">
        <v>852</v>
      </c>
      <c r="P20" s="92" t="s">
        <v>851</v>
      </c>
      <c r="Q20" s="92"/>
      <c r="T20" s="103"/>
      <c r="U20" s="151"/>
      <c r="V20" s="103"/>
      <c r="W20" s="103" t="s">
        <v>852</v>
      </c>
      <c r="X20" s="103" t="s">
        <v>851</v>
      </c>
      <c r="Y20" s="103"/>
      <c r="Z20" s="103"/>
      <c r="AA20" s="103"/>
      <c r="AB20" s="103"/>
      <c r="AC20" s="102"/>
      <c r="AD20" s="103"/>
      <c r="AE20" s="103"/>
      <c r="AG20" s="104" t="s">
        <v>852</v>
      </c>
      <c r="AH20" s="151"/>
      <c r="AI20" s="92"/>
      <c r="AJ20" s="124"/>
      <c r="AK20" s="124"/>
      <c r="AL20" s="124"/>
      <c r="AM20" s="148"/>
      <c r="AN20" s="92"/>
      <c r="AO20" s="145"/>
    </row>
    <row r="21" spans="1:41" ht="15.95" customHeight="1" x14ac:dyDescent="0.15">
      <c r="A21" s="162"/>
      <c r="B21" s="153"/>
      <c r="C21" s="153"/>
      <c r="D21" s="154"/>
      <c r="E21" s="148"/>
      <c r="F21" s="92"/>
      <c r="G21" s="92"/>
      <c r="H21" s="92"/>
      <c r="I21" s="148"/>
      <c r="J21" s="92"/>
      <c r="K21" s="92"/>
      <c r="L21" s="145"/>
      <c r="M21" s="103" t="s">
        <v>851</v>
      </c>
      <c r="N21" s="103"/>
      <c r="O21" s="103" t="s">
        <v>852</v>
      </c>
      <c r="P21" s="92" t="s">
        <v>851</v>
      </c>
      <c r="Q21" s="92"/>
      <c r="T21" s="103"/>
      <c r="U21" s="151"/>
      <c r="V21" s="103"/>
      <c r="W21" s="103" t="s">
        <v>852</v>
      </c>
      <c r="X21" s="103" t="s">
        <v>851</v>
      </c>
      <c r="Y21" s="103"/>
      <c r="Z21" s="103"/>
      <c r="AA21" s="103"/>
      <c r="AB21" s="103"/>
      <c r="AC21" s="102"/>
      <c r="AD21" s="103"/>
      <c r="AE21" s="103"/>
      <c r="AG21" s="104" t="s">
        <v>852</v>
      </c>
      <c r="AH21" s="151"/>
      <c r="AI21" s="92"/>
      <c r="AJ21" s="124"/>
      <c r="AK21" s="124"/>
      <c r="AL21" s="124"/>
      <c r="AM21" s="148"/>
      <c r="AN21" s="92"/>
      <c r="AO21" s="145"/>
    </row>
    <row r="22" spans="1:41" ht="15.95" customHeight="1" x14ac:dyDescent="0.15">
      <c r="A22" s="162"/>
      <c r="B22" s="153"/>
      <c r="C22" s="153"/>
      <c r="D22" s="154"/>
      <c r="E22" s="148"/>
      <c r="F22" s="92"/>
      <c r="G22" s="92"/>
      <c r="H22" s="92"/>
      <c r="I22" s="169"/>
      <c r="J22" s="105"/>
      <c r="K22" s="105"/>
      <c r="L22" s="170"/>
      <c r="M22" s="97" t="s">
        <v>851</v>
      </c>
      <c r="N22" s="97"/>
      <c r="O22" s="97" t="s">
        <v>852</v>
      </c>
      <c r="P22" s="105" t="s">
        <v>851</v>
      </c>
      <c r="Q22" s="105"/>
      <c r="R22" s="116"/>
      <c r="S22" s="116"/>
      <c r="T22" s="97"/>
      <c r="U22" s="126"/>
      <c r="V22" s="97"/>
      <c r="W22" s="97" t="s">
        <v>852</v>
      </c>
      <c r="X22" s="97" t="s">
        <v>851</v>
      </c>
      <c r="Y22" s="97"/>
      <c r="Z22" s="97"/>
      <c r="AA22" s="97"/>
      <c r="AB22" s="97"/>
      <c r="AC22" s="96"/>
      <c r="AD22" s="97"/>
      <c r="AE22" s="97"/>
      <c r="AF22" s="116"/>
      <c r="AG22" s="106" t="s">
        <v>852</v>
      </c>
      <c r="AH22" s="151"/>
      <c r="AI22" s="92"/>
      <c r="AJ22" s="124"/>
      <c r="AK22" s="124"/>
      <c r="AL22" s="124"/>
      <c r="AM22" s="148"/>
      <c r="AN22" s="92"/>
      <c r="AO22" s="145"/>
    </row>
    <row r="23" spans="1:41" ht="15.95" customHeight="1" x14ac:dyDescent="0.15">
      <c r="A23" s="162"/>
      <c r="B23" s="153"/>
      <c r="C23" s="153"/>
      <c r="D23" s="154"/>
      <c r="E23" s="148"/>
      <c r="F23" s="92"/>
      <c r="G23" s="92"/>
      <c r="H23" s="92"/>
      <c r="I23" s="473" t="s">
        <v>865</v>
      </c>
      <c r="J23" s="474"/>
      <c r="K23" s="474"/>
      <c r="L23" s="475"/>
      <c r="M23" s="140" t="s">
        <v>7</v>
      </c>
      <c r="N23" s="208" t="s">
        <v>868</v>
      </c>
      <c r="O23" s="208"/>
      <c r="P23" s="98"/>
      <c r="Q23" s="98"/>
      <c r="R23" s="114"/>
      <c r="S23" s="114"/>
      <c r="T23" s="208"/>
      <c r="U23" s="140"/>
      <c r="V23" s="208"/>
      <c r="W23" s="208"/>
      <c r="X23" s="208"/>
      <c r="Y23" s="208"/>
      <c r="Z23" s="208"/>
      <c r="AA23" s="208"/>
      <c r="AB23" s="208"/>
      <c r="AC23" s="206"/>
      <c r="AD23" s="208"/>
      <c r="AE23" s="208"/>
      <c r="AF23" s="114"/>
      <c r="AG23" s="99"/>
      <c r="AH23" s="151"/>
      <c r="AI23" s="92"/>
      <c r="AJ23" s="124"/>
      <c r="AK23" s="124"/>
      <c r="AL23" s="124"/>
      <c r="AM23" s="148"/>
      <c r="AN23" s="92"/>
      <c r="AO23" s="145"/>
    </row>
    <row r="24" spans="1:41" ht="15.95" customHeight="1" x14ac:dyDescent="0.15">
      <c r="A24" s="162"/>
      <c r="B24" s="153"/>
      <c r="C24" s="153"/>
      <c r="D24" s="154"/>
      <c r="E24" s="148"/>
      <c r="F24" s="92"/>
      <c r="G24" s="92"/>
      <c r="H24" s="92"/>
      <c r="I24" s="449" t="s">
        <v>866</v>
      </c>
      <c r="J24" s="450"/>
      <c r="K24" s="450"/>
      <c r="L24" s="451"/>
      <c r="M24" s="151" t="s">
        <v>7</v>
      </c>
      <c r="N24" s="103" t="s">
        <v>752</v>
      </c>
      <c r="O24" s="103"/>
      <c r="P24" s="92"/>
      <c r="Q24" s="92"/>
      <c r="T24" s="103"/>
      <c r="U24" s="151"/>
      <c r="V24" s="103"/>
      <c r="W24" s="103"/>
      <c r="X24" s="103"/>
      <c r="Y24" s="103"/>
      <c r="Z24" s="103"/>
      <c r="AA24" s="103"/>
      <c r="AB24" s="103"/>
      <c r="AC24" s="102"/>
      <c r="AD24" s="103"/>
      <c r="AE24" s="103"/>
      <c r="AG24" s="104"/>
      <c r="AH24" s="151"/>
      <c r="AI24" s="92"/>
      <c r="AJ24" s="124"/>
      <c r="AK24" s="124"/>
      <c r="AL24" s="124"/>
      <c r="AM24" s="148"/>
      <c r="AN24" s="92"/>
      <c r="AO24" s="145"/>
    </row>
    <row r="25" spans="1:41" ht="15.95" customHeight="1" x14ac:dyDescent="0.15">
      <c r="A25" s="162"/>
      <c r="B25" s="153"/>
      <c r="C25" s="153"/>
      <c r="D25" s="154"/>
      <c r="E25" s="148"/>
      <c r="F25" s="92"/>
      <c r="G25" s="92"/>
      <c r="H25" s="92"/>
      <c r="I25" s="461" t="s">
        <v>867</v>
      </c>
      <c r="J25" s="462"/>
      <c r="K25" s="462"/>
      <c r="L25" s="463"/>
      <c r="M25" s="97"/>
      <c r="N25" s="97"/>
      <c r="O25" s="97"/>
      <c r="P25" s="105"/>
      <c r="Q25" s="105"/>
      <c r="R25" s="116"/>
      <c r="S25" s="116"/>
      <c r="T25" s="97"/>
      <c r="U25" s="126"/>
      <c r="V25" s="97"/>
      <c r="W25" s="97"/>
      <c r="X25" s="97"/>
      <c r="Y25" s="97"/>
      <c r="Z25" s="97"/>
      <c r="AA25" s="97"/>
      <c r="AB25" s="97"/>
      <c r="AC25" s="96"/>
      <c r="AD25" s="97"/>
      <c r="AE25" s="97"/>
      <c r="AF25" s="116"/>
      <c r="AG25" s="106"/>
      <c r="AH25" s="151"/>
      <c r="AI25" s="92"/>
      <c r="AJ25" s="124"/>
      <c r="AK25" s="124"/>
      <c r="AL25" s="124"/>
      <c r="AM25" s="148"/>
      <c r="AN25" s="92"/>
      <c r="AO25" s="145"/>
    </row>
    <row r="26" spans="1:41" ht="15.95" customHeight="1" x14ac:dyDescent="0.15">
      <c r="A26" s="162"/>
      <c r="B26" s="153"/>
      <c r="C26" s="153"/>
      <c r="D26" s="154"/>
      <c r="E26" s="148"/>
      <c r="F26" s="92"/>
      <c r="G26" s="92"/>
      <c r="H26" s="92"/>
      <c r="I26" s="473" t="s">
        <v>869</v>
      </c>
      <c r="J26" s="474"/>
      <c r="K26" s="474"/>
      <c r="L26" s="475"/>
      <c r="M26" s="140" t="s">
        <v>7</v>
      </c>
      <c r="N26" s="103" t="s">
        <v>872</v>
      </c>
      <c r="O26" s="103"/>
      <c r="P26" s="92"/>
      <c r="Q26" s="92"/>
      <c r="T26" s="103"/>
      <c r="U26" s="151"/>
      <c r="V26" s="103"/>
      <c r="W26" s="103"/>
      <c r="X26" s="103"/>
      <c r="Y26" s="103"/>
      <c r="Z26" s="103"/>
      <c r="AA26" s="103"/>
      <c r="AB26" s="103"/>
      <c r="AC26" s="102"/>
      <c r="AD26" s="103"/>
      <c r="AE26" s="103"/>
      <c r="AG26" s="104"/>
      <c r="AH26" s="151"/>
      <c r="AI26" s="92"/>
      <c r="AJ26" s="124"/>
      <c r="AK26" s="124"/>
      <c r="AL26" s="124"/>
      <c r="AM26" s="148"/>
      <c r="AN26" s="92"/>
      <c r="AO26" s="145"/>
    </row>
    <row r="27" spans="1:41" ht="15.95" customHeight="1" x14ac:dyDescent="0.15">
      <c r="A27" s="162"/>
      <c r="B27" s="153"/>
      <c r="C27" s="153"/>
      <c r="D27" s="154"/>
      <c r="E27" s="148"/>
      <c r="F27" s="92"/>
      <c r="G27" s="92"/>
      <c r="H27" s="92"/>
      <c r="I27" s="449" t="s">
        <v>870</v>
      </c>
      <c r="J27" s="450"/>
      <c r="K27" s="450"/>
      <c r="L27" s="451"/>
      <c r="M27" s="151" t="s">
        <v>7</v>
      </c>
      <c r="N27" s="103" t="s">
        <v>873</v>
      </c>
      <c r="O27" s="103"/>
      <c r="P27" s="92"/>
      <c r="Q27" s="92"/>
      <c r="T27" s="103"/>
      <c r="U27" s="151"/>
      <c r="V27" s="103"/>
      <c r="W27" s="103"/>
      <c r="X27" s="103"/>
      <c r="Y27" s="103"/>
      <c r="Z27" s="103"/>
      <c r="AA27" s="103"/>
      <c r="AB27" s="103"/>
      <c r="AC27" s="102"/>
      <c r="AD27" s="103"/>
      <c r="AE27" s="103"/>
      <c r="AG27" s="104"/>
      <c r="AH27" s="151"/>
      <c r="AI27" s="92"/>
      <c r="AJ27" s="124"/>
      <c r="AK27" s="124"/>
      <c r="AL27" s="124"/>
      <c r="AM27" s="148"/>
      <c r="AN27" s="92"/>
      <c r="AO27" s="145"/>
    </row>
    <row r="28" spans="1:41" ht="15.95" customHeight="1" x14ac:dyDescent="0.15">
      <c r="A28" s="162"/>
      <c r="B28" s="153"/>
      <c r="C28" s="153"/>
      <c r="D28" s="154"/>
      <c r="E28" s="148"/>
      <c r="F28" s="92"/>
      <c r="G28" s="92"/>
      <c r="H28" s="92"/>
      <c r="I28" s="449" t="s">
        <v>871</v>
      </c>
      <c r="J28" s="450"/>
      <c r="K28" s="450"/>
      <c r="L28" s="451"/>
      <c r="M28" s="103"/>
      <c r="N28" s="103"/>
      <c r="O28" s="103"/>
      <c r="P28" s="92"/>
      <c r="Q28" s="92"/>
      <c r="T28" s="103"/>
      <c r="U28" s="151"/>
      <c r="V28" s="103"/>
      <c r="W28" s="103"/>
      <c r="X28" s="103"/>
      <c r="Y28" s="103"/>
      <c r="Z28" s="103"/>
      <c r="AA28" s="103"/>
      <c r="AB28" s="103"/>
      <c r="AC28" s="102"/>
      <c r="AD28" s="103"/>
      <c r="AE28" s="103"/>
      <c r="AG28" s="104"/>
      <c r="AH28" s="151"/>
      <c r="AI28" s="92"/>
      <c r="AJ28" s="124"/>
      <c r="AK28" s="124"/>
      <c r="AL28" s="124"/>
      <c r="AM28" s="148"/>
      <c r="AN28" s="92"/>
      <c r="AO28" s="145"/>
    </row>
    <row r="29" spans="1:41" ht="15.95" customHeight="1" x14ac:dyDescent="0.15">
      <c r="A29" s="162"/>
      <c r="B29" s="153"/>
      <c r="C29" s="153"/>
      <c r="D29" s="154"/>
      <c r="E29" s="148"/>
      <c r="F29" s="92"/>
      <c r="G29" s="92"/>
      <c r="H29" s="92"/>
      <c r="I29" s="162"/>
      <c r="J29" s="153"/>
      <c r="K29" s="153"/>
      <c r="L29" s="154"/>
      <c r="M29" s="103" t="s">
        <v>874</v>
      </c>
      <c r="N29" s="103"/>
      <c r="O29" s="103"/>
      <c r="P29" s="92"/>
      <c r="Q29" s="92"/>
      <c r="T29" s="103"/>
      <c r="U29" s="151"/>
      <c r="V29" s="103"/>
      <c r="W29" s="103"/>
      <c r="X29" s="103"/>
      <c r="Y29" s="103"/>
      <c r="Z29" s="103"/>
      <c r="AA29" s="103"/>
      <c r="AB29" s="103"/>
      <c r="AC29" s="102"/>
      <c r="AD29" s="103"/>
      <c r="AE29" s="103"/>
      <c r="AG29" s="104"/>
      <c r="AH29" s="151"/>
      <c r="AI29" s="92"/>
      <c r="AJ29" s="124"/>
      <c r="AK29" s="124"/>
      <c r="AL29" s="124"/>
      <c r="AM29" s="148"/>
      <c r="AN29" s="92"/>
      <c r="AO29" s="145"/>
    </row>
    <row r="30" spans="1:41" ht="15.95" customHeight="1" x14ac:dyDescent="0.15">
      <c r="A30" s="162"/>
      <c r="B30" s="153"/>
      <c r="C30" s="153"/>
      <c r="D30" s="154"/>
      <c r="E30" s="148"/>
      <c r="F30" s="92"/>
      <c r="G30" s="92"/>
      <c r="H30" s="92"/>
      <c r="I30" s="162"/>
      <c r="J30" s="153"/>
      <c r="K30" s="153"/>
      <c r="L30" s="154"/>
      <c r="M30" s="151" t="s">
        <v>7</v>
      </c>
      <c r="N30" s="103" t="s">
        <v>875</v>
      </c>
      <c r="O30" s="103"/>
      <c r="P30" s="92"/>
      <c r="Q30" s="151" t="s">
        <v>7</v>
      </c>
      <c r="R30" s="103" t="s">
        <v>876</v>
      </c>
      <c r="S30" s="103"/>
      <c r="T30" s="151"/>
      <c r="U30" s="151" t="s">
        <v>7</v>
      </c>
      <c r="V30" s="103" t="s">
        <v>877</v>
      </c>
      <c r="W30" s="103"/>
      <c r="X30" s="103"/>
      <c r="Y30" s="151" t="s">
        <v>7</v>
      </c>
      <c r="Z30" s="103" t="s">
        <v>878</v>
      </c>
      <c r="AA30" s="103"/>
      <c r="AB30" s="102"/>
      <c r="AD30" s="103"/>
      <c r="AE30" s="103"/>
      <c r="AG30" s="104"/>
      <c r="AH30" s="151"/>
      <c r="AI30" s="92"/>
      <c r="AJ30" s="124"/>
      <c r="AK30" s="124"/>
      <c r="AL30" s="124"/>
      <c r="AM30" s="148"/>
      <c r="AN30" s="92"/>
      <c r="AO30" s="145"/>
    </row>
    <row r="31" spans="1:41" ht="15.95" customHeight="1" x14ac:dyDescent="0.15">
      <c r="A31" s="162"/>
      <c r="B31" s="153"/>
      <c r="C31" s="153"/>
      <c r="D31" s="154"/>
      <c r="E31" s="148"/>
      <c r="F31" s="92"/>
      <c r="G31" s="92"/>
      <c r="H31" s="92"/>
      <c r="I31" s="162"/>
      <c r="J31" s="153"/>
      <c r="K31" s="153"/>
      <c r="L31" s="154"/>
      <c r="M31" s="151"/>
      <c r="N31" s="103"/>
      <c r="O31" s="103"/>
      <c r="P31" s="92"/>
      <c r="Q31" s="92"/>
      <c r="T31" s="103"/>
      <c r="U31" s="151"/>
      <c r="V31" s="103"/>
      <c r="W31" s="103"/>
      <c r="X31" s="103"/>
      <c r="Y31" s="103"/>
      <c r="Z31" s="103"/>
      <c r="AA31" s="103"/>
      <c r="AB31" s="103"/>
      <c r="AC31" s="102"/>
      <c r="AD31" s="103"/>
      <c r="AE31" s="103"/>
      <c r="AG31" s="104"/>
      <c r="AH31" s="151"/>
      <c r="AI31" s="92"/>
      <c r="AJ31" s="124"/>
      <c r="AK31" s="124"/>
      <c r="AL31" s="124"/>
      <c r="AM31" s="148"/>
      <c r="AN31" s="92"/>
      <c r="AO31" s="145"/>
    </row>
    <row r="32" spans="1:41" ht="15.95" customHeight="1" x14ac:dyDescent="0.15">
      <c r="A32" s="162"/>
      <c r="B32" s="153"/>
      <c r="C32" s="153"/>
      <c r="D32" s="154"/>
      <c r="E32" s="148"/>
      <c r="F32" s="92"/>
      <c r="G32" s="92"/>
      <c r="H32" s="92"/>
      <c r="I32" s="162"/>
      <c r="J32" s="153"/>
      <c r="K32" s="153"/>
      <c r="L32" s="154"/>
      <c r="M32" s="151" t="s">
        <v>7</v>
      </c>
      <c r="N32" s="103" t="s">
        <v>879</v>
      </c>
      <c r="O32" s="103"/>
      <c r="P32" s="92"/>
      <c r="Q32" s="92"/>
      <c r="T32" s="103"/>
      <c r="U32" s="151"/>
      <c r="V32" s="103"/>
      <c r="W32" s="103"/>
      <c r="X32" s="103"/>
      <c r="Y32" s="103"/>
      <c r="Z32" s="103"/>
      <c r="AA32" s="103"/>
      <c r="AB32" s="103"/>
      <c r="AC32" s="102"/>
      <c r="AD32" s="103"/>
      <c r="AE32" s="103"/>
      <c r="AG32" s="104"/>
      <c r="AH32" s="151"/>
      <c r="AI32" s="92"/>
      <c r="AJ32" s="124"/>
      <c r="AK32" s="124"/>
      <c r="AL32" s="124"/>
      <c r="AM32" s="148"/>
      <c r="AN32" s="92"/>
      <c r="AO32" s="145"/>
    </row>
    <row r="33" spans="1:41" ht="15.95" customHeight="1" x14ac:dyDescent="0.15">
      <c r="A33" s="162"/>
      <c r="B33" s="153"/>
      <c r="C33" s="153"/>
      <c r="D33" s="154"/>
      <c r="E33" s="148"/>
      <c r="F33" s="92"/>
      <c r="G33" s="92"/>
      <c r="H33" s="92"/>
      <c r="I33" s="148"/>
      <c r="J33" s="92"/>
      <c r="K33" s="92"/>
      <c r="L33" s="145"/>
      <c r="M33" s="103"/>
      <c r="N33" s="151" t="s">
        <v>7</v>
      </c>
      <c r="O33" s="103" t="s">
        <v>880</v>
      </c>
      <c r="P33" s="92"/>
      <c r="Q33" s="92"/>
      <c r="T33" s="103"/>
      <c r="U33" s="151"/>
      <c r="V33" s="151" t="s">
        <v>7</v>
      </c>
      <c r="W33" s="103" t="s">
        <v>881</v>
      </c>
      <c r="X33" s="103"/>
      <c r="Y33" s="103"/>
      <c r="Z33" s="103"/>
      <c r="AA33" s="103"/>
      <c r="AB33" s="103"/>
      <c r="AC33" s="102"/>
      <c r="AD33" s="103"/>
      <c r="AE33" s="103"/>
      <c r="AG33" s="104"/>
      <c r="AH33" s="151"/>
      <c r="AI33" s="92"/>
      <c r="AJ33" s="124"/>
      <c r="AK33" s="124"/>
      <c r="AL33" s="124"/>
      <c r="AM33" s="148"/>
      <c r="AN33" s="92"/>
      <c r="AO33" s="145"/>
    </row>
    <row r="34" spans="1:41" ht="15.95" customHeight="1" x14ac:dyDescent="0.15">
      <c r="A34" s="449"/>
      <c r="B34" s="450"/>
      <c r="C34" s="450"/>
      <c r="D34" s="451"/>
      <c r="E34" s="517" t="s">
        <v>376</v>
      </c>
      <c r="F34" s="518"/>
      <c r="G34" s="518"/>
      <c r="H34" s="519"/>
      <c r="I34" s="473" t="s">
        <v>756</v>
      </c>
      <c r="J34" s="474"/>
      <c r="K34" s="474"/>
      <c r="L34" s="474"/>
      <c r="M34" s="138" t="s">
        <v>7</v>
      </c>
      <c r="N34" s="208" t="s">
        <v>378</v>
      </c>
      <c r="O34" s="208"/>
      <c r="P34" s="208"/>
      <c r="Q34" s="208"/>
      <c r="R34" s="221"/>
      <c r="S34" s="221"/>
      <c r="T34" s="221"/>
      <c r="U34" s="221"/>
      <c r="V34" s="221"/>
      <c r="W34" s="221"/>
      <c r="X34" s="221"/>
      <c r="Y34" s="221"/>
      <c r="Z34" s="221"/>
      <c r="AA34" s="221"/>
      <c r="AB34" s="221"/>
      <c r="AC34" s="114"/>
      <c r="AD34" s="114"/>
      <c r="AE34" s="114"/>
      <c r="AF34" s="114"/>
      <c r="AG34" s="99"/>
      <c r="AH34" s="151"/>
      <c r="AI34" s="92"/>
      <c r="AJ34" s="92"/>
      <c r="AK34" s="182"/>
      <c r="AL34" s="151"/>
      <c r="AM34" s="149"/>
      <c r="AO34" s="104"/>
    </row>
    <row r="35" spans="1:41" ht="15.95" customHeight="1" x14ac:dyDescent="0.15">
      <c r="A35" s="162"/>
      <c r="B35" s="431"/>
      <c r="C35" s="431"/>
      <c r="D35" s="154"/>
      <c r="E35" s="520" t="s">
        <v>379</v>
      </c>
      <c r="F35" s="521"/>
      <c r="G35" s="521"/>
      <c r="H35" s="522"/>
      <c r="I35" s="486" t="s">
        <v>757</v>
      </c>
      <c r="J35" s="487"/>
      <c r="K35" s="487"/>
      <c r="L35" s="487"/>
      <c r="M35" s="155"/>
      <c r="N35" s="151" t="s">
        <v>7</v>
      </c>
      <c r="O35" s="92" t="s">
        <v>380</v>
      </c>
      <c r="Q35" s="102" t="s">
        <v>25</v>
      </c>
      <c r="R35" s="497"/>
      <c r="S35" s="497"/>
      <c r="T35" s="497"/>
      <c r="U35" s="497"/>
      <c r="V35" s="497"/>
      <c r="W35" s="497"/>
      <c r="X35" s="497"/>
      <c r="Y35" s="102" t="s">
        <v>26</v>
      </c>
      <c r="Z35" s="124"/>
      <c r="AA35" s="124"/>
      <c r="AG35" s="104"/>
      <c r="AK35" s="92"/>
      <c r="AL35" s="151"/>
      <c r="AM35" s="149"/>
      <c r="AO35" s="104"/>
    </row>
    <row r="36" spans="1:41" ht="15.95" customHeight="1" x14ac:dyDescent="0.15">
      <c r="A36" s="148"/>
      <c r="B36" s="92"/>
      <c r="C36" s="92"/>
      <c r="D36" s="145"/>
      <c r="E36" s="250"/>
      <c r="F36" s="232"/>
      <c r="G36" s="232"/>
      <c r="H36" s="233"/>
      <c r="I36" s="132"/>
      <c r="J36" s="132"/>
      <c r="K36" s="132"/>
      <c r="L36" s="132"/>
      <c r="M36" s="121"/>
      <c r="N36" s="151" t="s">
        <v>7</v>
      </c>
      <c r="O36" s="92" t="s">
        <v>381</v>
      </c>
      <c r="P36" s="103"/>
      <c r="Q36" s="102" t="s">
        <v>25</v>
      </c>
      <c r="R36" s="497"/>
      <c r="S36" s="497"/>
      <c r="T36" s="497"/>
      <c r="U36" s="497"/>
      <c r="V36" s="497"/>
      <c r="W36" s="497"/>
      <c r="X36" s="497"/>
      <c r="Y36" s="102" t="s">
        <v>26</v>
      </c>
      <c r="Z36" s="102"/>
      <c r="AA36" s="183"/>
      <c r="AG36" s="104"/>
      <c r="AK36" s="182"/>
      <c r="AL36" s="92"/>
      <c r="AM36" s="149"/>
      <c r="AO36" s="104"/>
    </row>
    <row r="37" spans="1:41" ht="15.95" customHeight="1" x14ac:dyDescent="0.15">
      <c r="A37" s="148"/>
      <c r="B37" s="92"/>
      <c r="C37" s="92"/>
      <c r="D37" s="145"/>
      <c r="E37" s="250"/>
      <c r="F37" s="232"/>
      <c r="G37" s="232"/>
      <c r="H37" s="233"/>
      <c r="I37" s="132"/>
      <c r="J37" s="132"/>
      <c r="K37" s="132"/>
      <c r="L37" s="132"/>
      <c r="M37" s="146" t="s">
        <v>7</v>
      </c>
      <c r="N37" s="103" t="s">
        <v>382</v>
      </c>
      <c r="O37" s="103"/>
      <c r="P37" s="103"/>
      <c r="Q37" s="103"/>
      <c r="R37" s="103"/>
      <c r="S37" s="103"/>
      <c r="T37" s="103"/>
      <c r="U37" s="102"/>
      <c r="V37" s="103"/>
      <c r="W37" s="102"/>
      <c r="X37" s="102"/>
      <c r="Y37" s="103"/>
      <c r="Z37" s="102"/>
      <c r="AA37" s="102"/>
      <c r="AG37" s="104"/>
      <c r="AH37" s="124"/>
      <c r="AI37" s="92"/>
      <c r="AJ37" s="92"/>
      <c r="AK37" s="92"/>
      <c r="AL37" s="92"/>
      <c r="AM37" s="149"/>
      <c r="AO37" s="104"/>
    </row>
    <row r="38" spans="1:41" ht="15.95" customHeight="1" x14ac:dyDescent="0.15">
      <c r="A38" s="148"/>
      <c r="B38" s="92"/>
      <c r="C38" s="92"/>
      <c r="D38" s="145"/>
      <c r="E38" s="250"/>
      <c r="F38" s="232"/>
      <c r="G38" s="232"/>
      <c r="H38" s="233"/>
      <c r="I38" s="132"/>
      <c r="J38" s="132"/>
      <c r="K38" s="132"/>
      <c r="L38" s="132"/>
      <c r="M38" s="149"/>
      <c r="N38" s="151" t="s">
        <v>7</v>
      </c>
      <c r="O38" s="103" t="s">
        <v>336</v>
      </c>
      <c r="P38" s="103"/>
      <c r="Q38" s="175" t="s">
        <v>94</v>
      </c>
      <c r="R38" s="151" t="s">
        <v>7</v>
      </c>
      <c r="S38" s="102" t="s">
        <v>384</v>
      </c>
      <c r="T38" s="175" t="s">
        <v>144</v>
      </c>
      <c r="U38" s="431"/>
      <c r="V38" s="431"/>
      <c r="W38" s="431"/>
      <c r="X38" s="102" t="s">
        <v>112</v>
      </c>
      <c r="Y38" s="151" t="s">
        <v>7</v>
      </c>
      <c r="Z38" s="103" t="s">
        <v>381</v>
      </c>
      <c r="AA38" s="102"/>
      <c r="AB38" s="109" t="s">
        <v>144</v>
      </c>
      <c r="AC38" s="479"/>
      <c r="AD38" s="479"/>
      <c r="AE38" s="479"/>
      <c r="AF38" s="91" t="s">
        <v>112</v>
      </c>
      <c r="AG38" s="104" t="s">
        <v>673</v>
      </c>
      <c r="AH38" s="102"/>
      <c r="AI38" s="92"/>
      <c r="AJ38" s="182"/>
      <c r="AK38" s="182"/>
      <c r="AL38" s="151"/>
      <c r="AM38" s="149"/>
      <c r="AO38" s="104"/>
    </row>
    <row r="39" spans="1:41" ht="15.95" customHeight="1" x14ac:dyDescent="0.15">
      <c r="A39" s="148"/>
      <c r="B39" s="92"/>
      <c r="C39" s="92"/>
      <c r="D39" s="145"/>
      <c r="E39" s="250"/>
      <c r="F39" s="232"/>
      <c r="G39" s="232"/>
      <c r="H39" s="233"/>
      <c r="I39" s="132"/>
      <c r="J39" s="132"/>
      <c r="K39" s="132"/>
      <c r="L39" s="132"/>
      <c r="M39" s="155"/>
      <c r="N39" s="102" t="s">
        <v>66</v>
      </c>
      <c r="O39" s="103" t="s">
        <v>387</v>
      </c>
      <c r="P39" s="103"/>
      <c r="Q39" s="103"/>
      <c r="R39" s="103"/>
      <c r="S39" s="103"/>
      <c r="T39" s="175" t="s">
        <v>144</v>
      </c>
      <c r="U39" s="431"/>
      <c r="V39" s="431"/>
      <c r="W39" s="431"/>
      <c r="X39" s="431"/>
      <c r="Y39" s="431"/>
      <c r="Z39" s="431"/>
      <c r="AA39" s="431"/>
      <c r="AB39" s="431"/>
      <c r="AC39" s="431"/>
      <c r="AD39" s="431"/>
      <c r="AE39" s="431"/>
      <c r="AF39" s="91" t="s">
        <v>112</v>
      </c>
      <c r="AG39" s="104"/>
      <c r="AH39" s="102"/>
      <c r="AI39" s="102"/>
      <c r="AM39" s="149"/>
      <c r="AO39" s="104"/>
    </row>
    <row r="40" spans="1:41" ht="15.95" customHeight="1" x14ac:dyDescent="0.15">
      <c r="A40" s="148"/>
      <c r="B40" s="92"/>
      <c r="C40" s="92"/>
      <c r="D40" s="145"/>
      <c r="E40" s="250"/>
      <c r="F40" s="232"/>
      <c r="G40" s="232"/>
      <c r="H40" s="233"/>
      <c r="I40" s="132"/>
      <c r="J40" s="132"/>
      <c r="K40" s="132"/>
      <c r="L40" s="132"/>
      <c r="M40" s="149"/>
      <c r="N40" s="151" t="s">
        <v>7</v>
      </c>
      <c r="O40" s="103" t="s">
        <v>388</v>
      </c>
      <c r="P40" s="103"/>
      <c r="Q40" s="175" t="s">
        <v>94</v>
      </c>
      <c r="R40" s="151" t="s">
        <v>7</v>
      </c>
      <c r="S40" s="102" t="s">
        <v>384</v>
      </c>
      <c r="T40" s="175" t="s">
        <v>144</v>
      </c>
      <c r="U40" s="431"/>
      <c r="V40" s="431"/>
      <c r="W40" s="431"/>
      <c r="X40" s="102" t="s">
        <v>112</v>
      </c>
      <c r="Y40" s="151" t="s">
        <v>7</v>
      </c>
      <c r="Z40" s="103" t="s">
        <v>381</v>
      </c>
      <c r="AA40" s="102"/>
      <c r="AB40" s="109" t="s">
        <v>144</v>
      </c>
      <c r="AC40" s="479"/>
      <c r="AD40" s="479"/>
      <c r="AE40" s="479"/>
      <c r="AF40" s="91" t="s">
        <v>112</v>
      </c>
      <c r="AG40" s="104" t="s">
        <v>673</v>
      </c>
      <c r="AH40" s="102"/>
      <c r="AI40" s="102"/>
      <c r="AM40" s="149"/>
      <c r="AO40" s="104"/>
    </row>
    <row r="41" spans="1:41" ht="15.95" customHeight="1" x14ac:dyDescent="0.15">
      <c r="A41" s="148"/>
      <c r="B41" s="92"/>
      <c r="C41" s="92"/>
      <c r="D41" s="145"/>
      <c r="E41" s="275"/>
      <c r="F41" s="276"/>
      <c r="G41" s="276"/>
      <c r="H41" s="277"/>
      <c r="I41" s="117"/>
      <c r="J41" s="117"/>
      <c r="K41" s="117"/>
      <c r="L41" s="117"/>
      <c r="M41" s="212"/>
      <c r="N41" s="96" t="s">
        <v>66</v>
      </c>
      <c r="O41" s="97" t="s">
        <v>387</v>
      </c>
      <c r="P41" s="97"/>
      <c r="Q41" s="97"/>
      <c r="R41" s="97"/>
      <c r="S41" s="97"/>
      <c r="T41" s="253" t="s">
        <v>144</v>
      </c>
      <c r="U41" s="456"/>
      <c r="V41" s="456"/>
      <c r="W41" s="456"/>
      <c r="X41" s="456"/>
      <c r="Y41" s="456"/>
      <c r="Z41" s="456"/>
      <c r="AA41" s="456"/>
      <c r="AB41" s="456"/>
      <c r="AC41" s="456"/>
      <c r="AD41" s="456"/>
      <c r="AE41" s="456"/>
      <c r="AF41" s="116" t="s">
        <v>112</v>
      </c>
      <c r="AG41" s="106"/>
      <c r="AH41" s="105"/>
      <c r="AI41" s="96"/>
      <c r="AJ41" s="116"/>
      <c r="AK41" s="116"/>
      <c r="AL41" s="116"/>
      <c r="AM41" s="149"/>
      <c r="AO41" s="104"/>
    </row>
    <row r="42" spans="1:41" ht="15.95" customHeight="1" x14ac:dyDescent="0.15">
      <c r="A42" s="437" t="s">
        <v>433</v>
      </c>
      <c r="B42" s="438"/>
      <c r="C42" s="438"/>
      <c r="D42" s="438"/>
      <c r="E42" s="437" t="s">
        <v>434</v>
      </c>
      <c r="F42" s="438"/>
      <c r="G42" s="438"/>
      <c r="H42" s="439"/>
      <c r="I42" s="449" t="s">
        <v>435</v>
      </c>
      <c r="J42" s="450"/>
      <c r="K42" s="450"/>
      <c r="L42" s="451"/>
      <c r="M42" s="155" t="s">
        <v>66</v>
      </c>
      <c r="N42" s="92" t="s">
        <v>436</v>
      </c>
      <c r="O42" s="103"/>
      <c r="P42" s="92"/>
      <c r="Q42" s="102"/>
      <c r="R42" s="103"/>
      <c r="S42" s="102" t="s">
        <v>25</v>
      </c>
      <c r="T42" s="480"/>
      <c r="U42" s="480"/>
      <c r="V42" s="480"/>
      <c r="W42" s="480"/>
      <c r="X42" s="194" t="s">
        <v>400</v>
      </c>
      <c r="Y42" s="194" t="s">
        <v>26</v>
      </c>
      <c r="Z42" s="156"/>
      <c r="AA42" s="156"/>
      <c r="AB42" s="156"/>
      <c r="AC42" s="156"/>
      <c r="AD42" s="156"/>
      <c r="AE42" s="156"/>
      <c r="AF42" s="156"/>
      <c r="AG42" s="152"/>
      <c r="AH42" s="138" t="s">
        <v>7</v>
      </c>
      <c r="AI42" s="98" t="s">
        <v>437</v>
      </c>
      <c r="AJ42" s="98"/>
      <c r="AK42" s="98"/>
      <c r="AL42" s="206"/>
      <c r="AM42" s="263"/>
      <c r="AN42" s="114"/>
      <c r="AO42" s="99"/>
    </row>
    <row r="43" spans="1:41" ht="15.95" customHeight="1" x14ac:dyDescent="0.15">
      <c r="A43" s="162"/>
      <c r="B43" s="153"/>
      <c r="C43" s="153"/>
      <c r="D43" s="153"/>
      <c r="E43" s="148"/>
      <c r="F43" s="92"/>
      <c r="G43" s="92"/>
      <c r="H43" s="145"/>
      <c r="I43" s="162"/>
      <c r="J43" s="153"/>
      <c r="K43" s="153"/>
      <c r="L43" s="154"/>
      <c r="M43" s="155" t="s">
        <v>66</v>
      </c>
      <c r="N43" s="92" t="s">
        <v>438</v>
      </c>
      <c r="O43" s="103"/>
      <c r="P43" s="92"/>
      <c r="Q43" s="102"/>
      <c r="R43" s="103"/>
      <c r="X43" s="156"/>
      <c r="Y43" s="156"/>
      <c r="Z43" s="156"/>
      <c r="AA43" s="156"/>
      <c r="AB43" s="156"/>
      <c r="AC43" s="156"/>
      <c r="AD43" s="156"/>
      <c r="AE43" s="156"/>
      <c r="AF43" s="156"/>
      <c r="AG43" s="152"/>
      <c r="AH43" s="155"/>
      <c r="AI43" s="182"/>
      <c r="AJ43" s="92"/>
      <c r="AK43" s="92"/>
      <c r="AL43" s="92"/>
      <c r="AM43" s="318"/>
      <c r="AO43" s="104"/>
    </row>
    <row r="44" spans="1:41" ht="15.95" customHeight="1" x14ac:dyDescent="0.15">
      <c r="A44" s="162"/>
      <c r="B44" s="153"/>
      <c r="C44" s="153"/>
      <c r="D44" s="153"/>
      <c r="E44" s="148"/>
      <c r="F44" s="92"/>
      <c r="G44" s="92"/>
      <c r="H44" s="145"/>
      <c r="I44" s="162"/>
      <c r="J44" s="153"/>
      <c r="K44" s="153"/>
      <c r="L44" s="154"/>
      <c r="M44" s="218"/>
      <c r="N44" s="102" t="s">
        <v>25</v>
      </c>
      <c r="O44" s="480"/>
      <c r="P44" s="480"/>
      <c r="Q44" s="102" t="s">
        <v>439</v>
      </c>
      <c r="R44" s="102" t="s">
        <v>26</v>
      </c>
      <c r="S44" s="102" t="s">
        <v>25</v>
      </c>
      <c r="T44" s="480"/>
      <c r="U44" s="480"/>
      <c r="V44" s="480"/>
      <c r="W44" s="480"/>
      <c r="X44" s="194" t="s">
        <v>400</v>
      </c>
      <c r="Y44" s="194" t="s">
        <v>26</v>
      </c>
      <c r="Z44" s="156"/>
      <c r="AA44" s="156"/>
      <c r="AB44" s="156"/>
      <c r="AC44" s="156"/>
      <c r="AD44" s="156"/>
      <c r="AE44" s="156"/>
      <c r="AF44" s="156"/>
      <c r="AG44" s="152"/>
      <c r="AH44" s="155"/>
      <c r="AI44" s="182"/>
      <c r="AJ44" s="182"/>
      <c r="AK44" s="182"/>
      <c r="AL44" s="182"/>
      <c r="AM44" s="149"/>
      <c r="AO44" s="104"/>
    </row>
    <row r="45" spans="1:41" ht="15.95" customHeight="1" x14ac:dyDescent="0.15">
      <c r="A45" s="162"/>
      <c r="B45" s="153"/>
      <c r="C45" s="153"/>
      <c r="D45" s="153"/>
      <c r="E45" s="148"/>
      <c r="F45" s="92"/>
      <c r="G45" s="92"/>
      <c r="H45" s="145"/>
      <c r="I45" s="162"/>
      <c r="J45" s="153"/>
      <c r="K45" s="153"/>
      <c r="L45" s="154"/>
      <c r="M45" s="218"/>
      <c r="N45" s="92" t="s">
        <v>440</v>
      </c>
      <c r="O45" s="103"/>
      <c r="P45" s="92"/>
      <c r="Q45" s="102"/>
      <c r="R45" s="103"/>
      <c r="S45" s="102" t="s">
        <v>25</v>
      </c>
      <c r="T45" s="480"/>
      <c r="U45" s="480"/>
      <c r="V45" s="480"/>
      <c r="W45" s="480"/>
      <c r="X45" s="194" t="s">
        <v>400</v>
      </c>
      <c r="Y45" s="194" t="s">
        <v>26</v>
      </c>
      <c r="Z45" s="156"/>
      <c r="AA45" s="156"/>
      <c r="AB45" s="156"/>
      <c r="AC45" s="156"/>
      <c r="AD45" s="156"/>
      <c r="AE45" s="156"/>
      <c r="AF45" s="156"/>
      <c r="AG45" s="152"/>
      <c r="AH45" s="212"/>
      <c r="AI45" s="105"/>
      <c r="AJ45" s="105"/>
      <c r="AK45" s="105"/>
      <c r="AL45" s="92"/>
      <c r="AM45" s="219"/>
      <c r="AN45" s="116"/>
      <c r="AO45" s="106"/>
    </row>
    <row r="46" spans="1:41" ht="15.95" customHeight="1" x14ac:dyDescent="0.15">
      <c r="A46" s="437" t="s">
        <v>441</v>
      </c>
      <c r="B46" s="438"/>
      <c r="C46" s="438"/>
      <c r="D46" s="438"/>
      <c r="E46" s="141"/>
      <c r="F46" s="98"/>
      <c r="G46" s="98"/>
      <c r="H46" s="142"/>
      <c r="I46" s="437" t="s">
        <v>442</v>
      </c>
      <c r="J46" s="438"/>
      <c r="K46" s="438"/>
      <c r="L46" s="439"/>
      <c r="M46" s="134" t="s">
        <v>66</v>
      </c>
      <c r="N46" s="98" t="s">
        <v>443</v>
      </c>
      <c r="O46" s="208"/>
      <c r="P46" s="98"/>
      <c r="Q46" s="206"/>
      <c r="R46" s="208"/>
      <c r="S46" s="206" t="s">
        <v>25</v>
      </c>
      <c r="T46" s="485"/>
      <c r="U46" s="485"/>
      <c r="V46" s="239" t="s">
        <v>26</v>
      </c>
      <c r="W46" s="240" t="s">
        <v>444</v>
      </c>
      <c r="X46" s="114"/>
      <c r="Y46" s="114"/>
      <c r="Z46" s="240"/>
      <c r="AA46" s="240"/>
      <c r="AB46" s="240"/>
      <c r="AC46" s="240"/>
      <c r="AD46" s="240"/>
      <c r="AE46" s="240"/>
      <c r="AF46" s="240"/>
      <c r="AG46" s="217"/>
      <c r="AH46" s="146" t="s">
        <v>7</v>
      </c>
      <c r="AI46" s="92" t="s">
        <v>445</v>
      </c>
      <c r="AJ46" s="92"/>
      <c r="AK46" s="92"/>
      <c r="AL46" s="98"/>
      <c r="AM46" s="149"/>
      <c r="AO46" s="104"/>
    </row>
    <row r="47" spans="1:41" ht="15.95" customHeight="1" x14ac:dyDescent="0.15">
      <c r="A47" s="449" t="s">
        <v>446</v>
      </c>
      <c r="B47" s="450"/>
      <c r="C47" s="450"/>
      <c r="D47" s="450"/>
      <c r="E47" s="148"/>
      <c r="F47" s="92"/>
      <c r="G47" s="92"/>
      <c r="H47" s="145"/>
      <c r="I47" s="449" t="s">
        <v>447</v>
      </c>
      <c r="J47" s="450"/>
      <c r="K47" s="450"/>
      <c r="L47" s="451"/>
      <c r="M47" s="218"/>
      <c r="N47" s="151" t="s">
        <v>7</v>
      </c>
      <c r="O47" s="103" t="s">
        <v>448</v>
      </c>
      <c r="P47" s="92"/>
      <c r="Q47" s="102"/>
      <c r="R47" s="103"/>
      <c r="S47" s="103"/>
      <c r="T47" s="102"/>
      <c r="U47" s="103"/>
      <c r="V47" s="103"/>
      <c r="W47" s="102"/>
      <c r="X47" s="156"/>
      <c r="Y47" s="156"/>
      <c r="Z47" s="156"/>
      <c r="AA47" s="156"/>
      <c r="AB47" s="156"/>
      <c r="AC47" s="156"/>
      <c r="AD47" s="156"/>
      <c r="AE47" s="156"/>
      <c r="AF47" s="156"/>
      <c r="AG47" s="152"/>
      <c r="AH47" s="146" t="s">
        <v>7</v>
      </c>
      <c r="AI47" s="347" t="s">
        <v>761</v>
      </c>
      <c r="AJ47" s="182"/>
      <c r="AK47" s="92"/>
      <c r="AL47" s="92"/>
      <c r="AM47" s="149"/>
      <c r="AO47" s="104"/>
    </row>
    <row r="48" spans="1:41" ht="15.95" customHeight="1" x14ac:dyDescent="0.15">
      <c r="A48" s="164"/>
      <c r="B48" s="165"/>
      <c r="C48" s="165"/>
      <c r="D48" s="165"/>
      <c r="E48" s="169"/>
      <c r="F48" s="105"/>
      <c r="G48" s="105"/>
      <c r="H48" s="170"/>
      <c r="I48" s="164"/>
      <c r="J48" s="165"/>
      <c r="K48" s="165"/>
      <c r="L48" s="166"/>
      <c r="M48" s="281"/>
      <c r="N48" s="105"/>
      <c r="O48" s="97"/>
      <c r="P48" s="105"/>
      <c r="Q48" s="96"/>
      <c r="R48" s="97"/>
      <c r="S48" s="97"/>
      <c r="T48" s="96"/>
      <c r="U48" s="97"/>
      <c r="V48" s="97"/>
      <c r="W48" s="96"/>
      <c r="X48" s="238"/>
      <c r="Y48" s="238"/>
      <c r="Z48" s="238"/>
      <c r="AA48" s="238"/>
      <c r="AB48" s="238"/>
      <c r="AC48" s="238"/>
      <c r="AD48" s="238"/>
      <c r="AE48" s="238"/>
      <c r="AF48" s="238"/>
      <c r="AG48" s="259"/>
      <c r="AH48" s="115"/>
      <c r="AI48" s="238"/>
      <c r="AJ48" s="200"/>
      <c r="AK48" s="200"/>
      <c r="AL48" s="200"/>
      <c r="AM48" s="219"/>
      <c r="AN48" s="116"/>
      <c r="AO48" s="106"/>
    </row>
    <row r="49" spans="1:41" ht="15.95" customHeight="1" x14ac:dyDescent="0.15">
      <c r="A49" s="437" t="s">
        <v>450</v>
      </c>
      <c r="B49" s="438"/>
      <c r="C49" s="438"/>
      <c r="D49" s="438"/>
      <c r="E49" s="148"/>
      <c r="F49" s="92"/>
      <c r="G49" s="92"/>
      <c r="H49" s="145"/>
      <c r="I49" s="437" t="s">
        <v>451</v>
      </c>
      <c r="J49" s="438"/>
      <c r="K49" s="438"/>
      <c r="L49" s="439"/>
      <c r="M49" s="151" t="s">
        <v>7</v>
      </c>
      <c r="N49" s="103" t="s">
        <v>771</v>
      </c>
      <c r="O49" s="92"/>
      <c r="P49" s="102"/>
      <c r="Q49" s="103"/>
      <c r="R49" s="103"/>
      <c r="S49" s="102"/>
      <c r="T49" s="103"/>
      <c r="U49" s="103"/>
      <c r="V49" s="103"/>
      <c r="W49" s="102"/>
      <c r="X49" s="156"/>
      <c r="Y49" s="156"/>
      <c r="Z49" s="156"/>
      <c r="AA49" s="156"/>
      <c r="AB49" s="156"/>
      <c r="AC49" s="156"/>
      <c r="AD49" s="156"/>
      <c r="AE49" s="156"/>
      <c r="AF49" s="156"/>
      <c r="AG49" s="152"/>
      <c r="AH49" s="138" t="s">
        <v>7</v>
      </c>
      <c r="AI49" s="98" t="s">
        <v>445</v>
      </c>
      <c r="AJ49" s="98"/>
      <c r="AK49" s="98"/>
      <c r="AL49" s="98"/>
      <c r="AM49" s="263"/>
      <c r="AN49" s="114"/>
      <c r="AO49" s="99"/>
    </row>
    <row r="50" spans="1:41" ht="15.95" customHeight="1" x14ac:dyDescent="0.15">
      <c r="A50" s="219"/>
      <c r="B50" s="116"/>
      <c r="C50" s="116"/>
      <c r="D50" s="106"/>
      <c r="E50" s="169"/>
      <c r="F50" s="105"/>
      <c r="G50" s="105"/>
      <c r="H50" s="170"/>
      <c r="I50" s="164"/>
      <c r="J50" s="165"/>
      <c r="K50" s="165"/>
      <c r="L50" s="166"/>
      <c r="M50" s="167"/>
      <c r="N50" s="97"/>
      <c r="O50" s="105"/>
      <c r="P50" s="96"/>
      <c r="Q50" s="97"/>
      <c r="R50" s="97"/>
      <c r="S50" s="96"/>
      <c r="T50" s="97"/>
      <c r="U50" s="97"/>
      <c r="V50" s="97"/>
      <c r="W50" s="96"/>
      <c r="X50" s="238"/>
      <c r="Y50" s="238"/>
      <c r="Z50" s="238"/>
      <c r="AA50" s="238"/>
      <c r="AB50" s="238"/>
      <c r="AC50" s="238"/>
      <c r="AD50" s="238"/>
      <c r="AE50" s="238"/>
      <c r="AF50" s="238"/>
      <c r="AG50" s="259"/>
      <c r="AH50" s="212"/>
      <c r="AI50" s="200"/>
      <c r="AJ50" s="200"/>
      <c r="AK50" s="200"/>
      <c r="AL50" s="200"/>
      <c r="AM50" s="219"/>
      <c r="AN50" s="116"/>
      <c r="AO50" s="106"/>
    </row>
    <row r="51" spans="1:41" ht="15.95" customHeight="1" x14ac:dyDescent="0.15">
      <c r="A51" s="437" t="s">
        <v>454</v>
      </c>
      <c r="B51" s="438"/>
      <c r="C51" s="438"/>
      <c r="D51" s="439"/>
      <c r="E51" s="437" t="s">
        <v>455</v>
      </c>
      <c r="F51" s="438"/>
      <c r="G51" s="438"/>
      <c r="H51" s="439"/>
      <c r="I51" s="437" t="s">
        <v>456</v>
      </c>
      <c r="J51" s="438"/>
      <c r="K51" s="438"/>
      <c r="L51" s="439"/>
      <c r="M51" s="282" t="s">
        <v>457</v>
      </c>
      <c r="AH51" s="146" t="s">
        <v>7</v>
      </c>
      <c r="AI51" s="92" t="s">
        <v>458</v>
      </c>
      <c r="AM51" s="149"/>
      <c r="AO51" s="104"/>
    </row>
    <row r="52" spans="1:41" ht="15.95" customHeight="1" x14ac:dyDescent="0.15">
      <c r="A52" s="449" t="s">
        <v>459</v>
      </c>
      <c r="B52" s="450"/>
      <c r="C52" s="450"/>
      <c r="D52" s="451"/>
      <c r="E52" s="449" t="s">
        <v>459</v>
      </c>
      <c r="F52" s="450"/>
      <c r="G52" s="450"/>
      <c r="H52" s="451"/>
      <c r="I52" s="449" t="s">
        <v>460</v>
      </c>
      <c r="J52" s="450"/>
      <c r="K52" s="450"/>
      <c r="L52" s="451"/>
      <c r="M52" s="282" t="s">
        <v>461</v>
      </c>
      <c r="AH52" s="149"/>
      <c r="AI52" s="92"/>
      <c r="AM52" s="149"/>
      <c r="AO52" s="104"/>
    </row>
    <row r="53" spans="1:41" ht="15.95" customHeight="1" x14ac:dyDescent="0.15">
      <c r="A53" s="162"/>
      <c r="B53" s="153"/>
      <c r="C53" s="153"/>
      <c r="D53" s="154"/>
      <c r="E53" s="153"/>
      <c r="F53" s="153"/>
      <c r="G53" s="153"/>
      <c r="H53" s="153"/>
      <c r="I53" s="162"/>
      <c r="J53" s="153"/>
      <c r="K53" s="153"/>
      <c r="L53" s="154"/>
      <c r="M53" s="121"/>
      <c r="N53" s="151" t="s">
        <v>7</v>
      </c>
      <c r="O53" s="92" t="s">
        <v>462</v>
      </c>
      <c r="AG53" s="104"/>
      <c r="AH53" s="149"/>
      <c r="AI53" s="92"/>
      <c r="AM53" s="149"/>
      <c r="AO53" s="104"/>
    </row>
    <row r="54" spans="1:41" ht="15.95" customHeight="1" x14ac:dyDescent="0.15">
      <c r="A54" s="162"/>
      <c r="B54" s="153"/>
      <c r="C54" s="153"/>
      <c r="D54" s="153"/>
      <c r="E54" s="162"/>
      <c r="F54" s="153"/>
      <c r="G54" s="153"/>
      <c r="H54" s="153"/>
      <c r="I54" s="162"/>
      <c r="J54" s="153"/>
      <c r="K54" s="153"/>
      <c r="L54" s="154"/>
      <c r="M54" s="121"/>
      <c r="N54" s="151" t="s">
        <v>7</v>
      </c>
      <c r="O54" s="92" t="s">
        <v>463</v>
      </c>
      <c r="Q54" s="92" t="s">
        <v>464</v>
      </c>
      <c r="AG54" s="104"/>
      <c r="AH54" s="149"/>
      <c r="AI54" s="92"/>
      <c r="AM54" s="149"/>
      <c r="AO54" s="104"/>
    </row>
    <row r="55" spans="1:41" ht="15.95" customHeight="1" x14ac:dyDescent="0.15">
      <c r="A55" s="162"/>
      <c r="B55" s="153"/>
      <c r="C55" s="153"/>
      <c r="D55" s="153"/>
      <c r="E55" s="162"/>
      <c r="F55" s="153"/>
      <c r="G55" s="153"/>
      <c r="H55" s="153"/>
      <c r="I55" s="162"/>
      <c r="J55" s="153"/>
      <c r="K55" s="153"/>
      <c r="L55" s="153"/>
      <c r="M55" s="121"/>
      <c r="N55" s="151"/>
      <c r="O55" s="151" t="s">
        <v>7</v>
      </c>
      <c r="P55" s="92" t="s">
        <v>465</v>
      </c>
      <c r="Q55" s="92"/>
      <c r="AH55" s="149"/>
      <c r="AI55" s="92"/>
      <c r="AM55" s="149"/>
      <c r="AO55" s="104"/>
    </row>
    <row r="56" spans="1:41" ht="15.95" customHeight="1" x14ac:dyDescent="0.15">
      <c r="A56" s="162"/>
      <c r="B56" s="153"/>
      <c r="C56" s="153"/>
      <c r="D56" s="153"/>
      <c r="E56" s="162"/>
      <c r="F56" s="153"/>
      <c r="G56" s="153"/>
      <c r="H56" s="153"/>
      <c r="I56" s="162"/>
      <c r="J56" s="153"/>
      <c r="K56" s="153"/>
      <c r="L56" s="153"/>
      <c r="M56" s="283" t="s">
        <v>466</v>
      </c>
      <c r="AH56" s="149"/>
      <c r="AI56" s="92"/>
      <c r="AM56" s="149"/>
      <c r="AO56" s="104"/>
    </row>
    <row r="57" spans="1:41" ht="15.95" customHeight="1" x14ac:dyDescent="0.15">
      <c r="A57" s="149"/>
      <c r="E57" s="149"/>
      <c r="I57" s="149"/>
      <c r="M57" s="283" t="s">
        <v>467</v>
      </c>
      <c r="AH57" s="149"/>
      <c r="AI57" s="92"/>
      <c r="AM57" s="149"/>
      <c r="AO57" s="104"/>
    </row>
    <row r="58" spans="1:41" ht="15.95" customHeight="1" x14ac:dyDescent="0.15">
      <c r="A58" s="219"/>
      <c r="B58" s="116"/>
      <c r="C58" s="116"/>
      <c r="D58" s="116"/>
      <c r="E58" s="219"/>
      <c r="F58" s="116"/>
      <c r="G58" s="116"/>
      <c r="H58" s="116"/>
      <c r="I58" s="219"/>
      <c r="J58" s="116"/>
      <c r="K58" s="116"/>
      <c r="L58" s="116"/>
      <c r="M58" s="219"/>
      <c r="N58" s="126" t="s">
        <v>7</v>
      </c>
      <c r="O58" s="105" t="s">
        <v>462</v>
      </c>
      <c r="P58" s="116"/>
      <c r="Q58" s="116"/>
      <c r="R58" s="116"/>
      <c r="S58" s="116"/>
      <c r="T58" s="116"/>
      <c r="U58" s="116"/>
      <c r="V58" s="116"/>
      <c r="W58" s="116"/>
      <c r="X58" s="116"/>
      <c r="Y58" s="116"/>
      <c r="Z58" s="116"/>
      <c r="AA58" s="116"/>
      <c r="AB58" s="116"/>
      <c r="AC58" s="116"/>
      <c r="AD58" s="116"/>
      <c r="AE58" s="116"/>
      <c r="AF58" s="116"/>
      <c r="AG58" s="116"/>
      <c r="AH58" s="219"/>
      <c r="AI58" s="105"/>
      <c r="AJ58" s="116"/>
      <c r="AK58" s="116"/>
      <c r="AL58" s="116"/>
      <c r="AM58" s="219"/>
      <c r="AN58" s="116"/>
      <c r="AO58" s="106"/>
    </row>
    <row r="59" spans="1:41" ht="15.95" customHeight="1" x14ac:dyDescent="0.15">
      <c r="A59" s="437" t="s">
        <v>762</v>
      </c>
      <c r="B59" s="438"/>
      <c r="C59" s="438"/>
      <c r="D59" s="438"/>
      <c r="E59" s="437"/>
      <c r="F59" s="438"/>
      <c r="G59" s="438"/>
      <c r="H59" s="439"/>
      <c r="I59" s="438" t="s">
        <v>763</v>
      </c>
      <c r="J59" s="438"/>
      <c r="K59" s="438"/>
      <c r="L59" s="438"/>
      <c r="M59" s="348" t="s">
        <v>764</v>
      </c>
      <c r="N59" s="114"/>
      <c r="O59" s="114"/>
      <c r="P59" s="114"/>
      <c r="Q59" s="114"/>
      <c r="R59" s="114"/>
      <c r="S59" s="114"/>
      <c r="T59" s="114"/>
      <c r="U59" s="114"/>
      <c r="V59" s="114"/>
      <c r="W59" s="114"/>
      <c r="X59" s="114"/>
      <c r="Y59" s="114"/>
      <c r="Z59" s="114"/>
      <c r="AA59" s="114"/>
      <c r="AB59" s="114"/>
      <c r="AC59" s="114"/>
      <c r="AD59" s="114"/>
      <c r="AE59" s="114"/>
      <c r="AF59" s="114"/>
      <c r="AG59" s="99"/>
      <c r="AH59" s="146" t="s">
        <v>7</v>
      </c>
      <c r="AI59" s="92" t="s">
        <v>458</v>
      </c>
      <c r="AJ59" s="114"/>
      <c r="AK59" s="114"/>
      <c r="AL59" s="114"/>
      <c r="AM59" s="263"/>
      <c r="AN59" s="114"/>
      <c r="AO59" s="99"/>
    </row>
    <row r="60" spans="1:41" ht="15.95" customHeight="1" x14ac:dyDescent="0.15">
      <c r="A60" s="449" t="s">
        <v>459</v>
      </c>
      <c r="B60" s="450"/>
      <c r="C60" s="450"/>
      <c r="D60" s="450"/>
      <c r="E60" s="449"/>
      <c r="F60" s="450"/>
      <c r="G60" s="450"/>
      <c r="H60" s="451"/>
      <c r="I60" s="450" t="s">
        <v>765</v>
      </c>
      <c r="J60" s="450"/>
      <c r="K60" s="450"/>
      <c r="L60" s="450"/>
      <c r="M60" s="349"/>
      <c r="N60" s="151" t="s">
        <v>7</v>
      </c>
      <c r="O60" s="92" t="s">
        <v>462</v>
      </c>
      <c r="AG60" s="104"/>
      <c r="AI60" s="92"/>
      <c r="AM60" s="149"/>
      <c r="AO60" s="104"/>
    </row>
    <row r="61" spans="1:41" ht="15.95" customHeight="1" x14ac:dyDescent="0.15">
      <c r="A61" s="162"/>
      <c r="B61" s="153"/>
      <c r="C61" s="153"/>
      <c r="D61" s="153"/>
      <c r="E61" s="162"/>
      <c r="F61" s="153"/>
      <c r="G61" s="153"/>
      <c r="H61" s="154"/>
      <c r="I61" s="153"/>
      <c r="J61" s="153"/>
      <c r="K61" s="153"/>
      <c r="L61" s="153"/>
      <c r="M61" s="349" t="s">
        <v>766</v>
      </c>
      <c r="N61" s="151"/>
      <c r="O61" s="92"/>
      <c r="AG61" s="104"/>
      <c r="AI61" s="92"/>
      <c r="AM61" s="149"/>
      <c r="AO61" s="104"/>
    </row>
    <row r="62" spans="1:41" ht="15.95" customHeight="1" x14ac:dyDescent="0.15">
      <c r="A62" s="162"/>
      <c r="B62" s="153"/>
      <c r="C62" s="153"/>
      <c r="D62" s="153"/>
      <c r="E62" s="162"/>
      <c r="F62" s="153"/>
      <c r="G62" s="153"/>
      <c r="H62" s="154"/>
      <c r="I62" s="153"/>
      <c r="J62" s="153"/>
      <c r="K62" s="153"/>
      <c r="L62" s="153"/>
      <c r="M62" s="349" t="s">
        <v>767</v>
      </c>
      <c r="N62" s="151"/>
      <c r="O62" s="92"/>
      <c r="Q62" s="92"/>
      <c r="AG62" s="104"/>
      <c r="AI62" s="92"/>
      <c r="AM62" s="149"/>
      <c r="AO62" s="104"/>
    </row>
    <row r="63" spans="1:41" ht="15.95" customHeight="1" x14ac:dyDescent="0.15">
      <c r="A63" s="162"/>
      <c r="B63" s="153"/>
      <c r="C63" s="153"/>
      <c r="D63" s="153"/>
      <c r="E63" s="162"/>
      <c r="F63" s="153"/>
      <c r="G63" s="153"/>
      <c r="H63" s="154"/>
      <c r="I63" s="153"/>
      <c r="J63" s="153"/>
      <c r="K63" s="153"/>
      <c r="L63" s="153"/>
      <c r="M63" s="121"/>
      <c r="N63" s="151" t="s">
        <v>7</v>
      </c>
      <c r="O63" s="92" t="s">
        <v>462</v>
      </c>
      <c r="P63" s="92"/>
      <c r="Q63" s="92"/>
      <c r="AG63" s="104"/>
      <c r="AI63" s="92"/>
      <c r="AM63" s="149"/>
      <c r="AO63" s="104"/>
    </row>
    <row r="64" spans="1:41" ht="15.95" customHeight="1" x14ac:dyDescent="0.15">
      <c r="A64" s="162"/>
      <c r="B64" s="153"/>
      <c r="C64" s="153"/>
      <c r="D64" s="153"/>
      <c r="E64" s="162"/>
      <c r="F64" s="153"/>
      <c r="G64" s="153"/>
      <c r="H64" s="154"/>
      <c r="I64" s="153"/>
      <c r="J64" s="153"/>
      <c r="K64" s="153"/>
      <c r="L64" s="153"/>
      <c r="M64" s="349" t="s">
        <v>768</v>
      </c>
      <c r="AG64" s="104"/>
      <c r="AI64" s="92"/>
      <c r="AM64" s="149"/>
      <c r="AO64" s="104"/>
    </row>
    <row r="65" spans="1:41" ht="15.95" customHeight="1" x14ac:dyDescent="0.15">
      <c r="A65" s="149"/>
      <c r="E65" s="149"/>
      <c r="H65" s="104"/>
      <c r="M65" s="349" t="s">
        <v>769</v>
      </c>
      <c r="N65" s="151"/>
      <c r="AG65" s="104"/>
      <c r="AI65" s="92"/>
      <c r="AM65" s="149"/>
      <c r="AO65" s="104"/>
    </row>
    <row r="66" spans="1:41" ht="15.95" customHeight="1" x14ac:dyDescent="0.15">
      <c r="A66" s="149"/>
      <c r="E66" s="149"/>
      <c r="H66" s="104"/>
      <c r="M66" s="146"/>
      <c r="N66" s="151" t="s">
        <v>7</v>
      </c>
      <c r="O66" s="92" t="s">
        <v>462</v>
      </c>
      <c r="AG66" s="104"/>
      <c r="AI66" s="92"/>
      <c r="AM66" s="149"/>
      <c r="AO66" s="104"/>
    </row>
    <row r="67" spans="1:41" ht="15.95" customHeight="1" x14ac:dyDescent="0.15">
      <c r="A67" s="149"/>
      <c r="E67" s="149"/>
      <c r="H67" s="104"/>
      <c r="M67" s="149"/>
      <c r="N67" s="151" t="s">
        <v>7</v>
      </c>
      <c r="O67" s="92" t="s">
        <v>463</v>
      </c>
      <c r="Q67" s="91" t="s">
        <v>25</v>
      </c>
      <c r="R67" s="479"/>
      <c r="S67" s="479"/>
      <c r="T67" s="479"/>
      <c r="U67" s="479"/>
      <c r="V67" s="479"/>
      <c r="W67" s="479"/>
      <c r="X67" s="479"/>
      <c r="Y67" s="479"/>
      <c r="Z67" s="479"/>
      <c r="AA67" s="479"/>
      <c r="AB67" s="91" t="s">
        <v>26</v>
      </c>
      <c r="AG67" s="104"/>
      <c r="AM67" s="149"/>
      <c r="AO67" s="104"/>
    </row>
    <row r="68" spans="1:41" ht="15.95" customHeight="1" x14ac:dyDescent="0.15">
      <c r="A68" s="219"/>
      <c r="B68" s="116"/>
      <c r="C68" s="116"/>
      <c r="D68" s="116"/>
      <c r="E68" s="219"/>
      <c r="F68" s="116"/>
      <c r="G68" s="116"/>
      <c r="H68" s="106"/>
      <c r="I68" s="116"/>
      <c r="J68" s="116"/>
      <c r="K68" s="116"/>
      <c r="L68" s="116"/>
      <c r="M68" s="219"/>
      <c r="N68" s="116"/>
      <c r="O68" s="126" t="s">
        <v>7</v>
      </c>
      <c r="P68" s="350" t="s">
        <v>770</v>
      </c>
      <c r="Q68" s="116"/>
      <c r="R68" s="116"/>
      <c r="S68" s="116"/>
      <c r="T68" s="116"/>
      <c r="U68" s="116"/>
      <c r="V68" s="116"/>
      <c r="W68" s="116"/>
      <c r="X68" s="116"/>
      <c r="Y68" s="116"/>
      <c r="Z68" s="116"/>
      <c r="AA68" s="116"/>
      <c r="AB68" s="116"/>
      <c r="AC68" s="116"/>
      <c r="AD68" s="116"/>
      <c r="AE68" s="116"/>
      <c r="AF68" s="116"/>
      <c r="AG68" s="106"/>
      <c r="AH68" s="116"/>
      <c r="AI68" s="116"/>
      <c r="AJ68" s="116"/>
      <c r="AK68" s="116"/>
      <c r="AL68" s="116"/>
      <c r="AM68" s="219"/>
      <c r="AN68" s="116"/>
      <c r="AO68" s="106"/>
    </row>
    <row r="69" spans="1:41" ht="15.95" customHeight="1" x14ac:dyDescent="0.15">
      <c r="A69" s="91" t="s">
        <v>743</v>
      </c>
    </row>
    <row r="70" spans="1:41" ht="15.95" customHeight="1" x14ac:dyDescent="0.15"/>
    <row r="71" spans="1:41" ht="15.95" customHeight="1" x14ac:dyDescent="0.15"/>
    <row r="72" spans="1:41" ht="15.95" customHeight="1" x14ac:dyDescent="0.15"/>
    <row r="73" spans="1:41" ht="15.95" customHeight="1" x14ac:dyDescent="0.15"/>
    <row r="74" spans="1:41" ht="15.95" customHeight="1" x14ac:dyDescent="0.15"/>
    <row r="75" spans="1:41" ht="15.95" customHeight="1" x14ac:dyDescent="0.15"/>
    <row r="76" spans="1:41" ht="15.95" customHeight="1" x14ac:dyDescent="0.15"/>
    <row r="77" spans="1:41" ht="15.95" customHeight="1" x14ac:dyDescent="0.15"/>
    <row r="78" spans="1:41" ht="15.95" customHeight="1" x14ac:dyDescent="0.15"/>
    <row r="79" spans="1:41" ht="15.95" customHeight="1" x14ac:dyDescent="0.15"/>
    <row r="80" spans="1:41"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sheetData>
  <mergeCells count="73">
    <mergeCell ref="E51:H51"/>
    <mergeCell ref="I51:L51"/>
    <mergeCell ref="R67:AA67"/>
    <mergeCell ref="A59:D59"/>
    <mergeCell ref="E59:H59"/>
    <mergeCell ref="I59:L59"/>
    <mergeCell ref="A60:D60"/>
    <mergeCell ref="E60:H60"/>
    <mergeCell ref="I60:L60"/>
    <mergeCell ref="A42:D42"/>
    <mergeCell ref="E42:H42"/>
    <mergeCell ref="I42:L42"/>
    <mergeCell ref="T42:W42"/>
    <mergeCell ref="A52:D52"/>
    <mergeCell ref="E52:H52"/>
    <mergeCell ref="I52:L52"/>
    <mergeCell ref="T45:W45"/>
    <mergeCell ref="A46:D46"/>
    <mergeCell ref="I46:L46"/>
    <mergeCell ref="T46:U46"/>
    <mergeCell ref="A47:D47"/>
    <mergeCell ref="I47:L47"/>
    <mergeCell ref="A49:D49"/>
    <mergeCell ref="I49:L49"/>
    <mergeCell ref="A51:D51"/>
    <mergeCell ref="U41:AE41"/>
    <mergeCell ref="I20:L20"/>
    <mergeCell ref="I19:L19"/>
    <mergeCell ref="I23:L23"/>
    <mergeCell ref="O44:P44"/>
    <mergeCell ref="T44:W44"/>
    <mergeCell ref="U40:W40"/>
    <mergeCell ref="AC40:AE40"/>
    <mergeCell ref="R35:X35"/>
    <mergeCell ref="R36:X36"/>
    <mergeCell ref="U38:W38"/>
    <mergeCell ref="AC38:AE38"/>
    <mergeCell ref="U39:AE39"/>
    <mergeCell ref="I24:L24"/>
    <mergeCell ref="I25:L25"/>
    <mergeCell ref="I26:L26"/>
    <mergeCell ref="A34:D34"/>
    <mergeCell ref="E34:H34"/>
    <mergeCell ref="I34:L34"/>
    <mergeCell ref="B35:C35"/>
    <mergeCell ref="E35:H35"/>
    <mergeCell ref="I35:L35"/>
    <mergeCell ref="A5:D5"/>
    <mergeCell ref="E5:H5"/>
    <mergeCell ref="I5:L5"/>
    <mergeCell ref="A6:D6"/>
    <mergeCell ref="I8:L8"/>
    <mergeCell ref="A3:D4"/>
    <mergeCell ref="E3:H3"/>
    <mergeCell ref="I3:AD3"/>
    <mergeCell ref="AH3:AL4"/>
    <mergeCell ref="AM3:AO3"/>
    <mergeCell ref="E4:H4"/>
    <mergeCell ref="I4:L4"/>
    <mergeCell ref="M4:AG4"/>
    <mergeCell ref="AM4:AO4"/>
    <mergeCell ref="I27:L27"/>
    <mergeCell ref="I28:L28"/>
    <mergeCell ref="I15:L15"/>
    <mergeCell ref="A8:D8"/>
    <mergeCell ref="A9:D9"/>
    <mergeCell ref="A12:D12"/>
    <mergeCell ref="B13:C13"/>
    <mergeCell ref="E8:H8"/>
    <mergeCell ref="E9:H9"/>
    <mergeCell ref="E10:H10"/>
    <mergeCell ref="I9:L9"/>
    <mergeCell ref="I14:L14"/>
  </mergeCells>
  <phoneticPr fontId="20"/>
  <dataValidations count="2">
    <dataValidation type="list" allowBlank="1" showInputMessage="1" showErrorMessage="1" sqref="B35:C35 B13:C13">
      <formula1>"１,２,３,４,５,６,７,８"</formula1>
    </dataValidation>
    <dataValidation type="list" allowBlank="1" showInputMessage="1" showErrorMessage="1" sqref="AH51 M34 N35:N36 Y38 Y40 N40 R38 R40 AL34:AL35 AL38 O68 N47 AH46:AH47 AH49 O55 AH59 N58 M5 M49 N38 M37 N6 N60:N63 N53:N55 N66:N67 AH42 M7 U6:U7 M23:M24 M26:M27 M30:M32 Q30 U30 Y30 N33 V33 AH5:AH34">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sheetPr>
  <dimension ref="A1:AO235"/>
  <sheetViews>
    <sheetView showGridLines="0" view="pageBreakPreview" zoomScale="85" zoomScaleNormal="85" zoomScaleSheetLayoutView="85" workbookViewId="0"/>
  </sheetViews>
  <sheetFormatPr defaultRowHeight="12" x14ac:dyDescent="0.15"/>
  <cols>
    <col min="1" max="41" width="2.625" style="328" customWidth="1"/>
    <col min="42" max="16384" width="9" style="328"/>
  </cols>
  <sheetData>
    <row r="1" spans="1:41" ht="30" customHeight="1" x14ac:dyDescent="0.15">
      <c r="A1" s="351" t="s">
        <v>772</v>
      </c>
      <c r="B1" s="88"/>
      <c r="C1" s="88"/>
      <c r="D1" s="88"/>
      <c r="E1" s="88"/>
      <c r="F1" s="89"/>
      <c r="G1" s="89"/>
      <c r="H1" s="89"/>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M1" s="230"/>
      <c r="AN1" s="230"/>
      <c r="AO1" s="90" t="s">
        <v>53</v>
      </c>
    </row>
    <row r="2" spans="1:41" s="91" customFormat="1" ht="17.25" customHeight="1" x14ac:dyDescent="0.15">
      <c r="A2" s="559" t="s">
        <v>824</v>
      </c>
      <c r="B2" s="560"/>
      <c r="C2" s="560"/>
      <c r="D2" s="560"/>
      <c r="E2" s="560"/>
      <c r="F2" s="560"/>
      <c r="G2" s="560"/>
      <c r="H2" s="560"/>
      <c r="I2" s="560"/>
      <c r="J2" s="560"/>
      <c r="K2" s="560"/>
      <c r="L2" s="560"/>
      <c r="M2" s="561"/>
      <c r="N2" s="562"/>
      <c r="O2" s="563"/>
      <c r="P2" s="563"/>
      <c r="Q2" s="563"/>
      <c r="R2" s="563"/>
      <c r="S2" s="563"/>
      <c r="T2" s="563"/>
      <c r="U2" s="563"/>
      <c r="V2" s="563"/>
      <c r="W2" s="563"/>
      <c r="X2" s="563"/>
      <c r="Y2" s="563"/>
      <c r="Z2" s="563"/>
      <c r="AA2" s="563"/>
      <c r="AB2" s="563"/>
      <c r="AC2" s="563"/>
      <c r="AD2" s="563"/>
      <c r="AE2" s="563"/>
      <c r="AF2" s="563"/>
      <c r="AG2" s="563"/>
      <c r="AH2" s="563"/>
      <c r="AI2" s="563"/>
      <c r="AJ2" s="563"/>
      <c r="AK2" s="563"/>
      <c r="AL2" s="563"/>
      <c r="AM2" s="563"/>
      <c r="AN2" s="563"/>
      <c r="AO2" s="564"/>
    </row>
    <row r="3" spans="1:41" ht="15" customHeight="1" x14ac:dyDescent="0.15">
      <c r="A3" s="565" t="s">
        <v>3</v>
      </c>
      <c r="B3" s="566"/>
      <c r="C3" s="566"/>
      <c r="D3" s="566"/>
      <c r="E3" s="566"/>
      <c r="F3" s="566"/>
      <c r="G3" s="566"/>
      <c r="H3" s="566"/>
      <c r="I3" s="566"/>
      <c r="J3" s="566"/>
      <c r="K3" s="566"/>
      <c r="L3" s="566"/>
      <c r="M3" s="567"/>
      <c r="N3" s="568"/>
      <c r="O3" s="569"/>
      <c r="P3" s="569"/>
      <c r="Q3" s="569"/>
      <c r="R3" s="569"/>
      <c r="S3" s="569"/>
      <c r="T3" s="569"/>
      <c r="U3" s="569"/>
      <c r="V3" s="569"/>
      <c r="W3" s="569"/>
      <c r="X3" s="569"/>
      <c r="Y3" s="569"/>
      <c r="Z3" s="569"/>
      <c r="AA3" s="569"/>
      <c r="AB3" s="569"/>
      <c r="AC3" s="569"/>
      <c r="AD3" s="569"/>
      <c r="AE3" s="569"/>
      <c r="AF3" s="569"/>
      <c r="AG3" s="569"/>
      <c r="AH3" s="569"/>
      <c r="AI3" s="569"/>
      <c r="AJ3" s="569"/>
      <c r="AK3" s="569"/>
      <c r="AL3" s="569"/>
      <c r="AM3" s="569"/>
      <c r="AN3" s="569"/>
      <c r="AO3" s="570"/>
    </row>
    <row r="4" spans="1:41" ht="15" customHeight="1" x14ac:dyDescent="0.15">
      <c r="A4" s="571" t="s">
        <v>4</v>
      </c>
      <c r="B4" s="572"/>
      <c r="C4" s="572"/>
      <c r="D4" s="572"/>
      <c r="E4" s="572"/>
      <c r="F4" s="572"/>
      <c r="G4" s="572"/>
      <c r="H4" s="572"/>
      <c r="I4" s="572"/>
      <c r="J4" s="572"/>
      <c r="K4" s="572"/>
      <c r="L4" s="572"/>
      <c r="M4" s="573"/>
      <c r="N4" s="568"/>
      <c r="O4" s="569"/>
      <c r="P4" s="569"/>
      <c r="Q4" s="569"/>
      <c r="R4" s="569"/>
      <c r="S4" s="569"/>
      <c r="T4" s="569"/>
      <c r="U4" s="569"/>
      <c r="V4" s="569"/>
      <c r="W4" s="569"/>
      <c r="X4" s="569"/>
      <c r="Y4" s="569"/>
      <c r="Z4" s="569"/>
      <c r="AA4" s="569"/>
      <c r="AB4" s="569"/>
      <c r="AC4" s="569"/>
      <c r="AD4" s="569"/>
      <c r="AE4" s="569"/>
      <c r="AF4" s="569"/>
      <c r="AG4" s="569"/>
      <c r="AH4" s="569"/>
      <c r="AI4" s="569"/>
      <c r="AJ4" s="569"/>
      <c r="AK4" s="569"/>
      <c r="AL4" s="569"/>
      <c r="AM4" s="569"/>
      <c r="AN4" s="569"/>
      <c r="AO4" s="570"/>
    </row>
    <row r="5" spans="1:41" ht="15" customHeight="1" x14ac:dyDescent="0.15">
      <c r="A5" s="565" t="s">
        <v>773</v>
      </c>
      <c r="B5" s="566"/>
      <c r="C5" s="566"/>
      <c r="D5" s="566"/>
      <c r="E5" s="566"/>
      <c r="F5" s="566"/>
      <c r="G5" s="566"/>
      <c r="H5" s="566"/>
      <c r="I5" s="566"/>
      <c r="J5" s="566"/>
      <c r="K5" s="566"/>
      <c r="L5" s="566"/>
      <c r="M5" s="567"/>
      <c r="N5" s="568"/>
      <c r="O5" s="569"/>
      <c r="P5" s="569"/>
      <c r="Q5" s="569"/>
      <c r="R5" s="569"/>
      <c r="S5" s="569"/>
      <c r="T5" s="569"/>
      <c r="U5" s="569"/>
      <c r="V5" s="569"/>
      <c r="W5" s="569"/>
      <c r="X5" s="569"/>
      <c r="Y5" s="569"/>
      <c r="Z5" s="569"/>
      <c r="AA5" s="569"/>
      <c r="AB5" s="569"/>
      <c r="AC5" s="569"/>
      <c r="AD5" s="569"/>
      <c r="AE5" s="569"/>
      <c r="AF5" s="569"/>
      <c r="AG5" s="569"/>
      <c r="AH5" s="569"/>
      <c r="AI5" s="569"/>
      <c r="AJ5" s="569"/>
      <c r="AK5" s="569"/>
      <c r="AL5" s="569"/>
      <c r="AM5" s="569"/>
      <c r="AN5" s="569"/>
      <c r="AO5" s="570"/>
    </row>
    <row r="6" spans="1:41" ht="15" customHeight="1" x14ac:dyDescent="0.15">
      <c r="A6" s="565" t="s">
        <v>5</v>
      </c>
      <c r="B6" s="566"/>
      <c r="C6" s="566"/>
      <c r="D6" s="566"/>
      <c r="E6" s="566"/>
      <c r="F6" s="566"/>
      <c r="G6" s="566"/>
      <c r="H6" s="566"/>
      <c r="I6" s="566"/>
      <c r="J6" s="566"/>
      <c r="K6" s="566"/>
      <c r="L6" s="566"/>
      <c r="M6" s="567"/>
      <c r="N6" s="574"/>
      <c r="O6" s="575"/>
      <c r="P6" s="575"/>
      <c r="Q6" s="575"/>
      <c r="R6" s="575"/>
      <c r="S6" s="575"/>
      <c r="T6" s="575"/>
      <c r="U6" s="575"/>
      <c r="V6" s="575"/>
      <c r="W6" s="575"/>
      <c r="X6" s="575"/>
      <c r="Y6" s="575"/>
      <c r="Z6" s="575"/>
      <c r="AA6" s="575"/>
      <c r="AB6" s="575"/>
      <c r="AC6" s="575"/>
      <c r="AD6" s="575"/>
      <c r="AE6" s="575"/>
      <c r="AF6" s="575"/>
      <c r="AG6" s="575"/>
      <c r="AH6" s="575"/>
      <c r="AI6" s="575"/>
      <c r="AJ6" s="575"/>
      <c r="AK6" s="575"/>
      <c r="AL6" s="575"/>
      <c r="AM6" s="575"/>
      <c r="AN6" s="575"/>
      <c r="AO6" s="576"/>
    </row>
    <row r="7" spans="1:41" ht="15.95" customHeight="1" x14ac:dyDescent="0.15">
      <c r="A7" s="131"/>
      <c r="B7" s="131"/>
      <c r="C7" s="131"/>
      <c r="D7" s="131"/>
      <c r="E7" s="131"/>
      <c r="F7" s="131"/>
      <c r="G7" s="131"/>
      <c r="H7" s="131"/>
      <c r="I7" s="124"/>
      <c r="J7" s="101"/>
      <c r="K7" s="92"/>
      <c r="L7" s="92"/>
      <c r="N7" s="92"/>
      <c r="O7" s="92"/>
      <c r="P7" s="92"/>
      <c r="U7" s="132"/>
      <c r="V7" s="132"/>
      <c r="W7" s="132"/>
      <c r="X7" s="132"/>
      <c r="Y7" s="132"/>
      <c r="Z7" s="132"/>
      <c r="AA7" s="132"/>
      <c r="AB7" s="132"/>
      <c r="AC7" s="132"/>
      <c r="AD7" s="132"/>
      <c r="AE7" s="132"/>
      <c r="AF7" s="132"/>
      <c r="AG7" s="132"/>
      <c r="AH7" s="101"/>
      <c r="AI7" s="92"/>
      <c r="AJ7" s="92"/>
      <c r="AK7" s="92"/>
    </row>
    <row r="8" spans="1:41" ht="15.95" customHeight="1" x14ac:dyDescent="0.15">
      <c r="A8" s="452" t="s">
        <v>55</v>
      </c>
      <c r="B8" s="453"/>
      <c r="C8" s="453"/>
      <c r="D8" s="453"/>
      <c r="E8" s="437" t="s">
        <v>56</v>
      </c>
      <c r="F8" s="438"/>
      <c r="G8" s="438"/>
      <c r="H8" s="439"/>
      <c r="I8" s="459" t="s">
        <v>774</v>
      </c>
      <c r="J8" s="459"/>
      <c r="K8" s="459"/>
      <c r="L8" s="459"/>
      <c r="M8" s="459"/>
      <c r="N8" s="459"/>
      <c r="O8" s="459"/>
      <c r="P8" s="459"/>
      <c r="Q8" s="459"/>
      <c r="R8" s="459"/>
      <c r="S8" s="459"/>
      <c r="T8" s="459"/>
      <c r="U8" s="459"/>
      <c r="V8" s="459"/>
      <c r="W8" s="459"/>
      <c r="X8" s="459"/>
      <c r="Y8" s="459"/>
      <c r="Z8" s="459"/>
      <c r="AA8" s="459"/>
      <c r="AB8" s="459"/>
      <c r="AC8" s="459"/>
      <c r="AD8" s="459"/>
      <c r="AE8" s="459"/>
      <c r="AF8" s="459"/>
      <c r="AG8" s="459"/>
      <c r="AH8" s="460" t="s">
        <v>59</v>
      </c>
      <c r="AI8" s="460"/>
      <c r="AJ8" s="460"/>
      <c r="AK8" s="460"/>
      <c r="AL8" s="460"/>
      <c r="AM8" s="453" t="s">
        <v>60</v>
      </c>
      <c r="AN8" s="453"/>
      <c r="AO8" s="454"/>
    </row>
    <row r="9" spans="1:41" ht="15.95" customHeight="1" x14ac:dyDescent="0.15">
      <c r="A9" s="455"/>
      <c r="B9" s="456"/>
      <c r="C9" s="456"/>
      <c r="D9" s="456"/>
      <c r="E9" s="461" t="s">
        <v>61</v>
      </c>
      <c r="F9" s="462"/>
      <c r="G9" s="462"/>
      <c r="H9" s="463"/>
      <c r="I9" s="465" t="s">
        <v>61</v>
      </c>
      <c r="J9" s="465"/>
      <c r="K9" s="465"/>
      <c r="L9" s="466"/>
      <c r="M9" s="458" t="s">
        <v>60</v>
      </c>
      <c r="N9" s="459"/>
      <c r="O9" s="459"/>
      <c r="P9" s="459"/>
      <c r="Q9" s="459"/>
      <c r="R9" s="459"/>
      <c r="S9" s="459"/>
      <c r="T9" s="459"/>
      <c r="U9" s="459"/>
      <c r="V9" s="459"/>
      <c r="W9" s="459"/>
      <c r="X9" s="459"/>
      <c r="Y9" s="459"/>
      <c r="Z9" s="459"/>
      <c r="AA9" s="459"/>
      <c r="AB9" s="459"/>
      <c r="AC9" s="459"/>
      <c r="AD9" s="459"/>
      <c r="AE9" s="459"/>
      <c r="AF9" s="459"/>
      <c r="AG9" s="459"/>
      <c r="AH9" s="433"/>
      <c r="AI9" s="433"/>
      <c r="AJ9" s="433"/>
      <c r="AK9" s="433"/>
      <c r="AL9" s="433"/>
      <c r="AM9" s="456" t="s">
        <v>62</v>
      </c>
      <c r="AN9" s="456"/>
      <c r="AO9" s="457"/>
    </row>
    <row r="10" spans="1:41" ht="15.95" customHeight="1" x14ac:dyDescent="0.15">
      <c r="A10" s="446" t="s">
        <v>775</v>
      </c>
      <c r="B10" s="447"/>
      <c r="C10" s="447"/>
      <c r="D10" s="447"/>
      <c r="E10" s="449" t="s">
        <v>469</v>
      </c>
      <c r="F10" s="450"/>
      <c r="G10" s="450"/>
      <c r="H10" s="451"/>
      <c r="I10" s="449" t="s">
        <v>470</v>
      </c>
      <c r="J10" s="450"/>
      <c r="K10" s="450"/>
      <c r="L10" s="451"/>
      <c r="M10" s="151" t="s">
        <v>7</v>
      </c>
      <c r="N10" s="103" t="s">
        <v>471</v>
      </c>
      <c r="O10" s="102"/>
      <c r="P10" s="102"/>
      <c r="Q10" s="102"/>
      <c r="R10" s="102"/>
      <c r="S10" s="103"/>
      <c r="T10" s="102"/>
      <c r="U10" s="103" t="s">
        <v>472</v>
      </c>
      <c r="V10" s="102"/>
      <c r="W10" s="102"/>
      <c r="X10" s="102"/>
      <c r="Y10" s="102"/>
      <c r="Z10" s="102"/>
      <c r="AA10" s="102"/>
      <c r="AB10" s="102"/>
      <c r="AC10" s="102"/>
      <c r="AD10" s="102"/>
      <c r="AE10" s="102"/>
      <c r="AF10" s="102"/>
      <c r="AG10" s="102"/>
      <c r="AH10" s="146" t="s">
        <v>7</v>
      </c>
      <c r="AI10" s="92" t="s">
        <v>363</v>
      </c>
      <c r="AJ10" s="92"/>
      <c r="AK10" s="102"/>
      <c r="AL10" s="147"/>
      <c r="AM10" s="102"/>
      <c r="AN10" s="102"/>
      <c r="AO10" s="152"/>
    </row>
    <row r="11" spans="1:41" ht="15.95" customHeight="1" x14ac:dyDescent="0.15">
      <c r="A11" s="446" t="s">
        <v>776</v>
      </c>
      <c r="B11" s="447"/>
      <c r="C11" s="447"/>
      <c r="D11" s="447"/>
      <c r="E11" s="162"/>
      <c r="F11" s="153"/>
      <c r="G11" s="153"/>
      <c r="H11" s="154"/>
      <c r="I11" s="162"/>
      <c r="J11" s="153"/>
      <c r="K11" s="153"/>
      <c r="L11" s="154"/>
      <c r="M11" s="102"/>
      <c r="N11" s="102" t="s">
        <v>25</v>
      </c>
      <c r="O11" s="151" t="s">
        <v>54</v>
      </c>
      <c r="P11" s="103" t="s">
        <v>473</v>
      </c>
      <c r="Q11" s="102"/>
      <c r="R11" s="91"/>
      <c r="S11" s="151" t="s">
        <v>54</v>
      </c>
      <c r="T11" s="103" t="s">
        <v>474</v>
      </c>
      <c r="U11" s="102"/>
      <c r="V11" s="91"/>
      <c r="W11" s="151" t="s">
        <v>7</v>
      </c>
      <c r="X11" s="103" t="s">
        <v>0</v>
      </c>
      <c r="Y11" s="102"/>
      <c r="Z11" s="102" t="s">
        <v>26</v>
      </c>
      <c r="AA11" s="102"/>
      <c r="AB11" s="102"/>
      <c r="AC11" s="102"/>
      <c r="AD11" s="102"/>
      <c r="AE11" s="102"/>
      <c r="AF11" s="102"/>
      <c r="AG11" s="102"/>
      <c r="AH11" s="146" t="s">
        <v>7</v>
      </c>
      <c r="AI11" s="92"/>
      <c r="AJ11" s="92"/>
      <c r="AK11" s="102"/>
      <c r="AL11" s="147"/>
      <c r="AM11" s="102"/>
      <c r="AN11" s="102"/>
      <c r="AO11" s="152"/>
    </row>
    <row r="12" spans="1:41" ht="15.95" customHeight="1" x14ac:dyDescent="0.15">
      <c r="A12" s="449" t="s">
        <v>777</v>
      </c>
      <c r="B12" s="450"/>
      <c r="C12" s="450"/>
      <c r="D12" s="451"/>
      <c r="E12" s="162"/>
      <c r="F12" s="153"/>
      <c r="G12" s="153"/>
      <c r="H12" s="154"/>
      <c r="I12" s="162"/>
      <c r="J12" s="153"/>
      <c r="K12" s="153"/>
      <c r="L12" s="154"/>
      <c r="M12" s="151" t="s">
        <v>54</v>
      </c>
      <c r="N12" s="103" t="s">
        <v>475</v>
      </c>
      <c r="O12" s="102"/>
      <c r="P12" s="102"/>
      <c r="Q12" s="102"/>
      <c r="R12" s="102"/>
      <c r="S12" s="103"/>
      <c r="T12" s="102"/>
      <c r="U12" s="103" t="s">
        <v>476</v>
      </c>
      <c r="V12" s="102"/>
      <c r="W12" s="102"/>
      <c r="X12" s="102"/>
      <c r="Y12" s="102"/>
      <c r="Z12" s="102"/>
      <c r="AA12" s="102"/>
      <c r="AB12" s="102"/>
      <c r="AC12" s="102"/>
      <c r="AD12" s="102"/>
      <c r="AE12" s="102"/>
      <c r="AF12" s="102"/>
      <c r="AG12" s="102"/>
      <c r="AH12" s="155"/>
      <c r="AI12" s="102"/>
      <c r="AJ12" s="102"/>
      <c r="AK12" s="102"/>
      <c r="AL12" s="145"/>
      <c r="AM12" s="102"/>
      <c r="AN12" s="102"/>
      <c r="AO12" s="152"/>
    </row>
    <row r="13" spans="1:41" ht="15.95" customHeight="1" x14ac:dyDescent="0.15">
      <c r="A13" s="146"/>
      <c r="B13" s="232"/>
      <c r="C13" s="232"/>
      <c r="D13" s="232"/>
      <c r="E13" s="164"/>
      <c r="F13" s="165"/>
      <c r="G13" s="165"/>
      <c r="H13" s="166"/>
      <c r="I13" s="164"/>
      <c r="J13" s="165"/>
      <c r="K13" s="165"/>
      <c r="L13" s="166"/>
      <c r="M13" s="126" t="s">
        <v>54</v>
      </c>
      <c r="N13" s="97" t="s">
        <v>477</v>
      </c>
      <c r="O13" s="96"/>
      <c r="P13" s="96"/>
      <c r="Q13" s="96"/>
      <c r="R13" s="96"/>
      <c r="S13" s="97"/>
      <c r="T13" s="96"/>
      <c r="U13" s="97" t="s">
        <v>478</v>
      </c>
      <c r="V13" s="96"/>
      <c r="W13" s="96"/>
      <c r="X13" s="96"/>
      <c r="Y13" s="96"/>
      <c r="Z13" s="96"/>
      <c r="AA13" s="96"/>
      <c r="AB13" s="96"/>
      <c r="AC13" s="96"/>
      <c r="AD13" s="96"/>
      <c r="AE13" s="96"/>
      <c r="AF13" s="96"/>
      <c r="AG13" s="96"/>
      <c r="AH13" s="212"/>
      <c r="AI13" s="96"/>
      <c r="AJ13" s="96"/>
      <c r="AK13" s="96"/>
      <c r="AL13" s="179"/>
      <c r="AM13" s="96"/>
      <c r="AN13" s="96"/>
      <c r="AO13" s="259"/>
    </row>
    <row r="14" spans="1:41" ht="15.95" customHeight="1" x14ac:dyDescent="0.15">
      <c r="A14" s="352"/>
      <c r="B14" s="232"/>
      <c r="C14" s="232"/>
      <c r="D14" s="232"/>
      <c r="E14" s="449" t="s">
        <v>479</v>
      </c>
      <c r="F14" s="450"/>
      <c r="G14" s="450"/>
      <c r="H14" s="451"/>
      <c r="I14" s="473" t="s">
        <v>480</v>
      </c>
      <c r="J14" s="474"/>
      <c r="K14" s="474"/>
      <c r="L14" s="475"/>
      <c r="M14" s="102" t="s">
        <v>66</v>
      </c>
      <c r="N14" s="92" t="s">
        <v>481</v>
      </c>
      <c r="O14" s="92"/>
      <c r="P14" s="103"/>
      <c r="Q14" s="103"/>
      <c r="R14" s="109"/>
      <c r="S14" s="109"/>
      <c r="T14" s="91"/>
      <c r="U14" s="92"/>
      <c r="V14" s="91"/>
      <c r="W14" s="91"/>
      <c r="X14" s="91"/>
      <c r="Y14" s="91"/>
      <c r="Z14" s="92"/>
      <c r="AA14" s="91"/>
      <c r="AB14" s="91"/>
      <c r="AC14" s="91"/>
      <c r="AD14" s="91"/>
      <c r="AE14" s="91"/>
      <c r="AF14" s="91"/>
      <c r="AG14" s="91"/>
      <c r="AH14" s="138" t="s">
        <v>7</v>
      </c>
      <c r="AI14" s="98" t="s">
        <v>363</v>
      </c>
      <c r="AJ14" s="98"/>
      <c r="AK14" s="98"/>
      <c r="AL14" s="139"/>
      <c r="AM14" s="92"/>
      <c r="AN14" s="92"/>
      <c r="AO14" s="145"/>
    </row>
    <row r="15" spans="1:41" ht="15.95" customHeight="1" x14ac:dyDescent="0.15">
      <c r="A15" s="352"/>
      <c r="B15" s="232"/>
      <c r="C15" s="232"/>
      <c r="D15" s="232"/>
      <c r="E15" s="449" t="s">
        <v>482</v>
      </c>
      <c r="F15" s="450"/>
      <c r="G15" s="450"/>
      <c r="H15" s="451"/>
      <c r="I15" s="449" t="s">
        <v>483</v>
      </c>
      <c r="J15" s="450"/>
      <c r="K15" s="450"/>
      <c r="L15" s="451"/>
      <c r="M15" s="108"/>
      <c r="N15" s="92" t="s">
        <v>484</v>
      </c>
      <c r="O15" s="92"/>
      <c r="P15" s="92"/>
      <c r="Q15" s="92"/>
      <c r="R15" s="92"/>
      <c r="S15" s="92" t="s">
        <v>485</v>
      </c>
      <c r="T15" s="92"/>
      <c r="U15" s="92"/>
      <c r="V15" s="431"/>
      <c r="W15" s="431"/>
      <c r="X15" s="92" t="s">
        <v>337</v>
      </c>
      <c r="Y15" s="92"/>
      <c r="Z15" s="92" t="s">
        <v>486</v>
      </c>
      <c r="AA15" s="92"/>
      <c r="AB15" s="431"/>
      <c r="AC15" s="431"/>
      <c r="AD15" s="92" t="s">
        <v>337</v>
      </c>
      <c r="AE15" s="92"/>
      <c r="AF15" s="92"/>
      <c r="AG15" s="91"/>
      <c r="AH15" s="146" t="s">
        <v>7</v>
      </c>
      <c r="AI15" s="92"/>
      <c r="AJ15" s="92"/>
      <c r="AK15" s="92"/>
      <c r="AL15" s="147"/>
      <c r="AM15" s="92"/>
      <c r="AN15" s="92"/>
      <c r="AO15" s="145"/>
    </row>
    <row r="16" spans="1:41" ht="15.95" customHeight="1" x14ac:dyDescent="0.15">
      <c r="A16" s="352"/>
      <c r="B16" s="232"/>
      <c r="C16" s="232"/>
      <c r="D16" s="232"/>
      <c r="E16" s="353"/>
      <c r="F16" s="354"/>
      <c r="G16" s="354"/>
      <c r="H16" s="355"/>
      <c r="I16" s="149"/>
      <c r="J16" s="91"/>
      <c r="K16" s="91"/>
      <c r="L16" s="104"/>
      <c r="M16" s="102"/>
      <c r="N16" s="92" t="s">
        <v>487</v>
      </c>
      <c r="O16" s="92"/>
      <c r="P16" s="92"/>
      <c r="Q16" s="92"/>
      <c r="R16" s="103"/>
      <c r="S16" s="92" t="s">
        <v>485</v>
      </c>
      <c r="T16" s="92"/>
      <c r="U16" s="92"/>
      <c r="V16" s="431"/>
      <c r="W16" s="431"/>
      <c r="X16" s="92" t="s">
        <v>337</v>
      </c>
      <c r="Y16" s="92"/>
      <c r="Z16" s="92" t="s">
        <v>486</v>
      </c>
      <c r="AA16" s="92"/>
      <c r="AB16" s="431"/>
      <c r="AC16" s="431"/>
      <c r="AD16" s="92" t="s">
        <v>337</v>
      </c>
      <c r="AE16" s="92"/>
      <c r="AF16" s="92"/>
      <c r="AG16" s="102"/>
      <c r="AH16" s="356"/>
      <c r="AI16" s="92"/>
      <c r="AJ16" s="92"/>
      <c r="AK16" s="92"/>
      <c r="AL16" s="145"/>
      <c r="AM16" s="92"/>
      <c r="AN16" s="92"/>
      <c r="AO16" s="145"/>
    </row>
    <row r="17" spans="1:41" ht="15.95" customHeight="1" x14ac:dyDescent="0.15">
      <c r="A17" s="162"/>
      <c r="B17" s="232"/>
      <c r="C17" s="232"/>
      <c r="D17" s="232"/>
      <c r="E17" s="162"/>
      <c r="F17" s="153"/>
      <c r="G17" s="153"/>
      <c r="H17" s="154"/>
      <c r="I17" s="148"/>
      <c r="J17" s="92"/>
      <c r="K17" s="92"/>
      <c r="L17" s="145"/>
      <c r="M17" s="102" t="s">
        <v>66</v>
      </c>
      <c r="N17" s="103" t="s">
        <v>488</v>
      </c>
      <c r="O17" s="92"/>
      <c r="P17" s="92"/>
      <c r="Q17" s="92"/>
      <c r="R17" s="92"/>
      <c r="S17" s="92"/>
      <c r="T17" s="92"/>
      <c r="U17" s="92"/>
      <c r="V17" s="92"/>
      <c r="W17" s="92"/>
      <c r="X17" s="92"/>
      <c r="Y17" s="92"/>
      <c r="Z17" s="92"/>
      <c r="AA17" s="92"/>
      <c r="AB17" s="92"/>
      <c r="AC17" s="92"/>
      <c r="AD17" s="103"/>
      <c r="AE17" s="103"/>
      <c r="AF17" s="103"/>
      <c r="AG17" s="102"/>
      <c r="AH17" s="356"/>
      <c r="AI17" s="92"/>
      <c r="AJ17" s="92"/>
      <c r="AK17" s="92"/>
      <c r="AL17" s="147"/>
      <c r="AM17" s="92"/>
      <c r="AN17" s="92"/>
      <c r="AO17" s="145"/>
    </row>
    <row r="18" spans="1:41" ht="15.95" customHeight="1" x14ac:dyDescent="0.15">
      <c r="A18" s="162"/>
      <c r="B18" s="232"/>
      <c r="C18" s="232"/>
      <c r="D18" s="232"/>
      <c r="E18" s="162"/>
      <c r="F18" s="153"/>
      <c r="G18" s="153"/>
      <c r="H18" s="154"/>
      <c r="I18" s="148"/>
      <c r="J18" s="153"/>
      <c r="K18" s="153"/>
      <c r="L18" s="154"/>
      <c r="M18" s="102"/>
      <c r="N18" s="103" t="s">
        <v>489</v>
      </c>
      <c r="O18" s="92"/>
      <c r="P18" s="92"/>
      <c r="Q18" s="92"/>
      <c r="R18" s="102"/>
      <c r="S18" s="92"/>
      <c r="T18" s="103"/>
      <c r="U18" s="102"/>
      <c r="V18" s="92"/>
      <c r="W18" s="92"/>
      <c r="X18" s="92"/>
      <c r="Y18" s="92"/>
      <c r="Z18" s="92"/>
      <c r="AA18" s="102" t="s">
        <v>25</v>
      </c>
      <c r="AB18" s="431"/>
      <c r="AC18" s="431"/>
      <c r="AD18" s="92" t="s">
        <v>337</v>
      </c>
      <c r="AE18" s="92"/>
      <c r="AF18" s="92"/>
      <c r="AG18" s="102"/>
      <c r="AH18" s="155"/>
      <c r="AI18" s="156"/>
      <c r="AJ18" s="92"/>
      <c r="AK18" s="92"/>
      <c r="AL18" s="357"/>
      <c r="AM18" s="92"/>
      <c r="AN18" s="92"/>
      <c r="AO18" s="145"/>
    </row>
    <row r="19" spans="1:41" ht="15.95" customHeight="1" x14ac:dyDescent="0.15">
      <c r="A19" s="162"/>
      <c r="B19" s="153"/>
      <c r="C19" s="153"/>
      <c r="D19" s="153"/>
      <c r="E19" s="162"/>
      <c r="F19" s="153"/>
      <c r="G19" s="153"/>
      <c r="H19" s="154"/>
      <c r="I19" s="148"/>
      <c r="J19" s="153"/>
      <c r="K19" s="153"/>
      <c r="L19" s="154"/>
      <c r="M19" s="102" t="s">
        <v>66</v>
      </c>
      <c r="N19" s="103" t="s">
        <v>490</v>
      </c>
      <c r="O19" s="92"/>
      <c r="P19" s="92"/>
      <c r="Q19" s="92"/>
      <c r="R19" s="92"/>
      <c r="S19" s="92"/>
      <c r="T19" s="92"/>
      <c r="U19" s="92"/>
      <c r="V19" s="92"/>
      <c r="W19" s="92"/>
      <c r="X19" s="92"/>
      <c r="Y19" s="92"/>
      <c r="Z19" s="92"/>
      <c r="AA19" s="102" t="s">
        <v>25</v>
      </c>
      <c r="AB19" s="431"/>
      <c r="AC19" s="431"/>
      <c r="AD19" s="92" t="s">
        <v>337</v>
      </c>
      <c r="AE19" s="92"/>
      <c r="AF19" s="92"/>
      <c r="AG19" s="92"/>
      <c r="AH19" s="148"/>
      <c r="AI19" s="92"/>
      <c r="AJ19" s="92"/>
      <c r="AK19" s="92"/>
      <c r="AL19" s="145"/>
      <c r="AM19" s="92"/>
      <c r="AN19" s="92"/>
      <c r="AO19" s="145"/>
    </row>
    <row r="20" spans="1:41" ht="15.95" customHeight="1" x14ac:dyDescent="0.15">
      <c r="A20" s="162"/>
      <c r="B20" s="153"/>
      <c r="C20" s="153"/>
      <c r="D20" s="153"/>
      <c r="E20" s="162"/>
      <c r="F20" s="153"/>
      <c r="G20" s="153"/>
      <c r="H20" s="154"/>
      <c r="I20" s="148"/>
      <c r="J20" s="153"/>
      <c r="K20" s="153"/>
      <c r="L20" s="154"/>
      <c r="M20" s="102" t="s">
        <v>66</v>
      </c>
      <c r="N20" s="103" t="s">
        <v>491</v>
      </c>
      <c r="O20" s="92"/>
      <c r="P20" s="103"/>
      <c r="Q20" s="175" t="s">
        <v>94</v>
      </c>
      <c r="R20" s="151" t="s">
        <v>7</v>
      </c>
      <c r="S20" s="92" t="s">
        <v>492</v>
      </c>
      <c r="T20" s="103"/>
      <c r="U20" s="102"/>
      <c r="V20" s="91"/>
      <c r="W20" s="151" t="s">
        <v>54</v>
      </c>
      <c r="X20" s="92" t="s">
        <v>493</v>
      </c>
      <c r="Y20" s="103"/>
      <c r="Z20" s="102"/>
      <c r="AA20" s="92"/>
      <c r="AB20" s="92"/>
      <c r="AC20" s="92"/>
      <c r="AD20" s="103"/>
      <c r="AE20" s="103"/>
      <c r="AF20" s="103"/>
      <c r="AG20" s="102"/>
      <c r="AH20" s="148"/>
      <c r="AI20" s="92"/>
      <c r="AJ20" s="92"/>
      <c r="AK20" s="92"/>
      <c r="AL20" s="145"/>
      <c r="AM20" s="92"/>
      <c r="AN20" s="92"/>
      <c r="AO20" s="145"/>
    </row>
    <row r="21" spans="1:41" ht="15.95" customHeight="1" x14ac:dyDescent="0.15">
      <c r="A21" s="162"/>
      <c r="B21" s="153"/>
      <c r="C21" s="153"/>
      <c r="D21" s="153"/>
      <c r="E21" s="162"/>
      <c r="F21" s="153"/>
      <c r="G21" s="153"/>
      <c r="H21" s="154"/>
      <c r="I21" s="164"/>
      <c r="J21" s="165"/>
      <c r="K21" s="165"/>
      <c r="L21" s="166"/>
      <c r="M21" s="96"/>
      <c r="N21" s="96"/>
      <c r="O21" s="105"/>
      <c r="P21" s="105"/>
      <c r="Q21" s="105"/>
      <c r="R21" s="126" t="s">
        <v>54</v>
      </c>
      <c r="S21" s="105" t="s">
        <v>494</v>
      </c>
      <c r="T21" s="97"/>
      <c r="U21" s="96"/>
      <c r="V21" s="105"/>
      <c r="W21" s="126" t="s">
        <v>54</v>
      </c>
      <c r="X21" s="105" t="s">
        <v>0</v>
      </c>
      <c r="Y21" s="97"/>
      <c r="Z21" s="96" t="s">
        <v>25</v>
      </c>
      <c r="AA21" s="456"/>
      <c r="AB21" s="456"/>
      <c r="AC21" s="456"/>
      <c r="AD21" s="253" t="s">
        <v>77</v>
      </c>
      <c r="AE21" s="253"/>
      <c r="AF21" s="253"/>
      <c r="AG21" s="96"/>
      <c r="AH21" s="155"/>
      <c r="AI21" s="92"/>
      <c r="AJ21" s="92"/>
      <c r="AK21" s="92"/>
      <c r="AL21" s="145"/>
      <c r="AM21" s="92"/>
      <c r="AN21" s="92"/>
      <c r="AO21" s="145"/>
    </row>
    <row r="22" spans="1:41" ht="15.95" customHeight="1" x14ac:dyDescent="0.15">
      <c r="A22" s="162"/>
      <c r="B22" s="153"/>
      <c r="C22" s="153"/>
      <c r="D22" s="153"/>
      <c r="E22" s="162"/>
      <c r="F22" s="153"/>
      <c r="G22" s="153"/>
      <c r="H22" s="154"/>
      <c r="I22" s="437" t="s">
        <v>495</v>
      </c>
      <c r="J22" s="438"/>
      <c r="K22" s="438"/>
      <c r="L22" s="439"/>
      <c r="M22" s="102"/>
      <c r="N22" s="103" t="s">
        <v>496</v>
      </c>
      <c r="O22" s="92"/>
      <c r="P22" s="92"/>
      <c r="Q22" s="92"/>
      <c r="R22" s="102"/>
      <c r="S22" s="175" t="s">
        <v>25</v>
      </c>
      <c r="T22" s="151" t="s">
        <v>7</v>
      </c>
      <c r="U22" s="92" t="s">
        <v>497</v>
      </c>
      <c r="V22" s="92"/>
      <c r="W22" s="92"/>
      <c r="X22" s="92"/>
      <c r="Y22" s="92"/>
      <c r="Z22" s="151" t="s">
        <v>54</v>
      </c>
      <c r="AA22" s="103" t="s">
        <v>498</v>
      </c>
      <c r="AB22" s="92"/>
      <c r="AC22" s="92"/>
      <c r="AD22" s="92"/>
      <c r="AE22" s="92"/>
      <c r="AF22" s="92"/>
      <c r="AG22" s="92"/>
      <c r="AH22" s="352"/>
      <c r="AL22" s="145"/>
      <c r="AM22" s="92"/>
      <c r="AN22" s="92"/>
      <c r="AO22" s="145"/>
    </row>
    <row r="23" spans="1:41" ht="15.95" customHeight="1" x14ac:dyDescent="0.15">
      <c r="A23" s="162"/>
      <c r="B23" s="153"/>
      <c r="C23" s="153"/>
      <c r="D23" s="153"/>
      <c r="E23" s="162"/>
      <c r="F23" s="153"/>
      <c r="G23" s="153"/>
      <c r="H23" s="154"/>
      <c r="I23" s="164"/>
      <c r="J23" s="165"/>
      <c r="K23" s="165"/>
      <c r="L23" s="166"/>
      <c r="M23" s="96" t="s">
        <v>66</v>
      </c>
      <c r="N23" s="97" t="s">
        <v>482</v>
      </c>
      <c r="O23" s="105"/>
      <c r="P23" s="105"/>
      <c r="Q23" s="105"/>
      <c r="R23" s="96"/>
      <c r="S23" s="253" t="s">
        <v>25</v>
      </c>
      <c r="T23" s="96"/>
      <c r="U23" s="456"/>
      <c r="V23" s="456"/>
      <c r="W23" s="96" t="s">
        <v>499</v>
      </c>
      <c r="X23" s="96" t="s">
        <v>26</v>
      </c>
      <c r="Y23" s="102"/>
      <c r="Z23" s="92"/>
      <c r="AA23" s="92"/>
      <c r="AB23" s="102"/>
      <c r="AC23" s="102"/>
      <c r="AD23" s="102"/>
      <c r="AE23" s="102"/>
      <c r="AF23" s="102"/>
      <c r="AG23" s="102"/>
      <c r="AH23" s="358"/>
      <c r="AI23" s="359"/>
      <c r="AJ23" s="359"/>
      <c r="AK23" s="359"/>
      <c r="AL23" s="170"/>
      <c r="AM23" s="92"/>
      <c r="AN23" s="92"/>
      <c r="AO23" s="145"/>
    </row>
    <row r="24" spans="1:41" ht="15.95" customHeight="1" x14ac:dyDescent="0.15">
      <c r="A24" s="162"/>
      <c r="B24" s="153"/>
      <c r="C24" s="153"/>
      <c r="D24" s="153"/>
      <c r="E24" s="437" t="s">
        <v>500</v>
      </c>
      <c r="F24" s="438"/>
      <c r="G24" s="438"/>
      <c r="H24" s="439"/>
      <c r="I24" s="437" t="s">
        <v>501</v>
      </c>
      <c r="J24" s="438"/>
      <c r="K24" s="438"/>
      <c r="L24" s="439"/>
      <c r="M24" s="102" t="s">
        <v>66</v>
      </c>
      <c r="N24" s="103" t="s">
        <v>502</v>
      </c>
      <c r="O24" s="92"/>
      <c r="P24" s="92"/>
      <c r="Q24" s="92" t="s">
        <v>25</v>
      </c>
      <c r="R24" s="103"/>
      <c r="S24" s="92"/>
      <c r="T24" s="103"/>
      <c r="U24" s="102"/>
      <c r="V24" s="92"/>
      <c r="W24" s="102"/>
      <c r="X24" s="92"/>
      <c r="Y24" s="98"/>
      <c r="Z24" s="239"/>
      <c r="AA24" s="239"/>
      <c r="AB24" s="239"/>
      <c r="AC24" s="239"/>
      <c r="AD24" s="98" t="s">
        <v>337</v>
      </c>
      <c r="AE24" s="98"/>
      <c r="AF24" s="98"/>
      <c r="AG24" s="206"/>
      <c r="AH24" s="138" t="s">
        <v>7</v>
      </c>
      <c r="AI24" s="98" t="s">
        <v>363</v>
      </c>
      <c r="AJ24" s="98"/>
      <c r="AK24" s="98"/>
      <c r="AL24" s="262"/>
      <c r="AM24" s="92"/>
      <c r="AN24" s="92"/>
      <c r="AO24" s="145"/>
    </row>
    <row r="25" spans="1:41" ht="15.95" customHeight="1" x14ac:dyDescent="0.15">
      <c r="A25" s="162"/>
      <c r="B25" s="153"/>
      <c r="C25" s="153"/>
      <c r="D25" s="153"/>
      <c r="E25" s="461" t="s">
        <v>503</v>
      </c>
      <c r="F25" s="462"/>
      <c r="G25" s="462"/>
      <c r="H25" s="463"/>
      <c r="I25" s="169" t="s">
        <v>504</v>
      </c>
      <c r="J25" s="105"/>
      <c r="K25" s="105"/>
      <c r="L25" s="170"/>
      <c r="M25" s="96"/>
      <c r="N25" s="96"/>
      <c r="O25" s="105"/>
      <c r="P25" s="105"/>
      <c r="Q25" s="105"/>
      <c r="R25" s="96"/>
      <c r="S25" s="105"/>
      <c r="T25" s="97"/>
      <c r="U25" s="96"/>
      <c r="V25" s="105"/>
      <c r="W25" s="96"/>
      <c r="X25" s="105"/>
      <c r="Y25" s="105"/>
      <c r="Z25" s="190"/>
      <c r="AA25" s="190"/>
      <c r="AB25" s="190"/>
      <c r="AC25" s="190"/>
      <c r="AD25" s="190"/>
      <c r="AE25" s="190"/>
      <c r="AF25" s="190"/>
      <c r="AG25" s="96"/>
      <c r="AH25" s="167" t="s">
        <v>7</v>
      </c>
      <c r="AI25" s="105"/>
      <c r="AJ25" s="105"/>
      <c r="AK25" s="105"/>
      <c r="AL25" s="191"/>
      <c r="AM25" s="92"/>
      <c r="AN25" s="92"/>
      <c r="AO25" s="145"/>
    </row>
    <row r="26" spans="1:41" ht="15.95" customHeight="1" x14ac:dyDescent="0.15">
      <c r="A26" s="162"/>
      <c r="B26" s="153"/>
      <c r="C26" s="153"/>
      <c r="D26" s="153"/>
      <c r="E26" s="437" t="s">
        <v>130</v>
      </c>
      <c r="F26" s="438"/>
      <c r="G26" s="438"/>
      <c r="H26" s="439"/>
      <c r="I26" s="464" t="s">
        <v>505</v>
      </c>
      <c r="J26" s="465"/>
      <c r="K26" s="465"/>
      <c r="L26" s="466"/>
      <c r="M26" s="133"/>
      <c r="N26" s="284" t="s">
        <v>25</v>
      </c>
      <c r="O26" s="459"/>
      <c r="P26" s="459"/>
      <c r="Q26" s="459"/>
      <c r="R26" s="459"/>
      <c r="S26" s="459"/>
      <c r="T26" s="459"/>
      <c r="U26" s="459"/>
      <c r="V26" s="459"/>
      <c r="W26" s="459"/>
      <c r="X26" s="459"/>
      <c r="Y26" s="459"/>
      <c r="Z26" s="459"/>
      <c r="AA26" s="459"/>
      <c r="AB26" s="459"/>
      <c r="AC26" s="288"/>
      <c r="AD26" s="207" t="s">
        <v>79</v>
      </c>
      <c r="AE26" s="207"/>
      <c r="AF26" s="207"/>
      <c r="AG26" s="133"/>
      <c r="AH26" s="138" t="s">
        <v>7</v>
      </c>
      <c r="AI26" s="98" t="s">
        <v>363</v>
      </c>
      <c r="AJ26" s="98"/>
      <c r="AK26" s="98"/>
      <c r="AL26" s="262"/>
      <c r="AM26" s="92"/>
      <c r="AN26" s="92"/>
      <c r="AO26" s="145"/>
    </row>
    <row r="27" spans="1:41" ht="15.95" customHeight="1" x14ac:dyDescent="0.15">
      <c r="A27" s="162"/>
      <c r="B27" s="153"/>
      <c r="C27" s="153"/>
      <c r="D27" s="153"/>
      <c r="E27" s="449" t="s">
        <v>506</v>
      </c>
      <c r="F27" s="450"/>
      <c r="G27" s="450"/>
      <c r="H27" s="451"/>
      <c r="I27" s="464" t="s">
        <v>507</v>
      </c>
      <c r="J27" s="465"/>
      <c r="K27" s="465"/>
      <c r="L27" s="466"/>
      <c r="M27" s="133"/>
      <c r="N27" s="284" t="s">
        <v>25</v>
      </c>
      <c r="O27" s="459"/>
      <c r="P27" s="459"/>
      <c r="Q27" s="459"/>
      <c r="R27" s="459"/>
      <c r="S27" s="459"/>
      <c r="T27" s="459"/>
      <c r="U27" s="459"/>
      <c r="V27" s="459"/>
      <c r="W27" s="459"/>
      <c r="X27" s="459"/>
      <c r="Y27" s="459"/>
      <c r="Z27" s="459"/>
      <c r="AA27" s="459"/>
      <c r="AB27" s="459"/>
      <c r="AC27" s="288"/>
      <c r="AD27" s="289" t="s">
        <v>508</v>
      </c>
      <c r="AE27" s="289"/>
      <c r="AF27" s="289"/>
      <c r="AG27" s="133"/>
      <c r="AH27" s="146" t="s">
        <v>7</v>
      </c>
      <c r="AI27" s="92"/>
      <c r="AJ27" s="92"/>
      <c r="AK27" s="92"/>
      <c r="AL27" s="251"/>
      <c r="AM27" s="92"/>
      <c r="AN27" s="92"/>
      <c r="AO27" s="145"/>
    </row>
    <row r="28" spans="1:41" ht="15.95" customHeight="1" x14ac:dyDescent="0.15">
      <c r="A28" s="162"/>
      <c r="B28" s="153"/>
      <c r="C28" s="153"/>
      <c r="D28" s="153"/>
      <c r="E28" s="164"/>
      <c r="F28" s="165"/>
      <c r="G28" s="165"/>
      <c r="H28" s="166"/>
      <c r="I28" s="464" t="s">
        <v>509</v>
      </c>
      <c r="J28" s="465"/>
      <c r="K28" s="465"/>
      <c r="L28" s="466"/>
      <c r="M28" s="96"/>
      <c r="N28" s="284" t="s">
        <v>25</v>
      </c>
      <c r="O28" s="459"/>
      <c r="P28" s="459"/>
      <c r="Q28" s="459"/>
      <c r="R28" s="459"/>
      <c r="S28" s="459"/>
      <c r="T28" s="459"/>
      <c r="U28" s="459"/>
      <c r="V28" s="459"/>
      <c r="W28" s="459"/>
      <c r="X28" s="459"/>
      <c r="Y28" s="459"/>
      <c r="Z28" s="459"/>
      <c r="AA28" s="459"/>
      <c r="AB28" s="459"/>
      <c r="AC28" s="190"/>
      <c r="AD28" s="289" t="s">
        <v>510</v>
      </c>
      <c r="AE28" s="253"/>
      <c r="AF28" s="253"/>
      <c r="AG28" s="96"/>
      <c r="AH28" s="169"/>
      <c r="AI28" s="105"/>
      <c r="AJ28" s="105"/>
      <c r="AK28" s="105"/>
      <c r="AL28" s="191"/>
      <c r="AM28" s="92"/>
      <c r="AN28" s="92"/>
      <c r="AO28" s="145"/>
    </row>
    <row r="29" spans="1:41" ht="15.95" customHeight="1" x14ac:dyDescent="0.15">
      <c r="A29" s="162"/>
      <c r="B29" s="153"/>
      <c r="C29" s="153"/>
      <c r="D29" s="153"/>
      <c r="E29" s="437" t="s">
        <v>511</v>
      </c>
      <c r="F29" s="438"/>
      <c r="G29" s="438"/>
      <c r="H29" s="439"/>
      <c r="I29" s="437" t="s">
        <v>479</v>
      </c>
      <c r="J29" s="438"/>
      <c r="K29" s="438"/>
      <c r="L29" s="439"/>
      <c r="M29" s="134" t="s">
        <v>66</v>
      </c>
      <c r="N29" s="208" t="s">
        <v>512</v>
      </c>
      <c r="O29" s="98"/>
      <c r="P29" s="98"/>
      <c r="Q29" s="98"/>
      <c r="R29" s="206"/>
      <c r="S29" s="98"/>
      <c r="T29" s="208"/>
      <c r="U29" s="206"/>
      <c r="V29" s="98"/>
      <c r="W29" s="206"/>
      <c r="X29" s="98"/>
      <c r="Y29" s="98"/>
      <c r="Z29" s="239"/>
      <c r="AA29" s="239"/>
      <c r="AB29" s="239"/>
      <c r="AC29" s="239"/>
      <c r="AD29" s="207"/>
      <c r="AE29" s="207"/>
      <c r="AF29" s="207"/>
      <c r="AG29" s="217"/>
      <c r="AH29" s="138" t="s">
        <v>7</v>
      </c>
      <c r="AI29" s="98" t="s">
        <v>363</v>
      </c>
      <c r="AJ29" s="98"/>
      <c r="AK29" s="98"/>
      <c r="AL29" s="262"/>
      <c r="AM29" s="92"/>
      <c r="AN29" s="92"/>
      <c r="AO29" s="145"/>
    </row>
    <row r="30" spans="1:41" ht="15.95" customHeight="1" x14ac:dyDescent="0.15">
      <c r="A30" s="162"/>
      <c r="B30" s="153"/>
      <c r="C30" s="153"/>
      <c r="D30" s="153"/>
      <c r="E30" s="162"/>
      <c r="F30" s="153"/>
      <c r="G30" s="153"/>
      <c r="H30" s="154"/>
      <c r="I30" s="449" t="s">
        <v>513</v>
      </c>
      <c r="J30" s="450"/>
      <c r="K30" s="450"/>
      <c r="L30" s="451"/>
      <c r="M30" s="155"/>
      <c r="N30" s="124" t="s">
        <v>25</v>
      </c>
      <c r="O30" s="497"/>
      <c r="P30" s="497"/>
      <c r="Q30" s="497"/>
      <c r="R30" s="497"/>
      <c r="S30" s="497"/>
      <c r="T30" s="497"/>
      <c r="U30" s="497"/>
      <c r="V30" s="497"/>
      <c r="W30" s="497"/>
      <c r="X30" s="497"/>
      <c r="Y30" s="497"/>
      <c r="Z30" s="497"/>
      <c r="AA30" s="497"/>
      <c r="AB30" s="497"/>
      <c r="AC30" s="497"/>
      <c r="AD30" s="497"/>
      <c r="AE30" s="497"/>
      <c r="AF30" s="497"/>
      <c r="AG30" s="360" t="s">
        <v>26</v>
      </c>
      <c r="AH30" s="146" t="s">
        <v>7</v>
      </c>
      <c r="AI30" s="92"/>
      <c r="AJ30" s="92"/>
      <c r="AK30" s="92"/>
      <c r="AL30" s="251"/>
      <c r="AM30" s="92"/>
      <c r="AN30" s="92"/>
      <c r="AO30" s="145"/>
    </row>
    <row r="31" spans="1:41" ht="15.95" customHeight="1" x14ac:dyDescent="0.15">
      <c r="A31" s="162"/>
      <c r="B31" s="153"/>
      <c r="C31" s="153"/>
      <c r="D31" s="153"/>
      <c r="E31" s="162"/>
      <c r="F31" s="153"/>
      <c r="G31" s="153"/>
      <c r="H31" s="154"/>
      <c r="I31" s="148"/>
      <c r="J31" s="92"/>
      <c r="K31" s="92"/>
      <c r="L31" s="145"/>
      <c r="M31" s="155" t="s">
        <v>66</v>
      </c>
      <c r="N31" s="103" t="s">
        <v>514</v>
      </c>
      <c r="O31" s="92"/>
      <c r="P31" s="92"/>
      <c r="Q31" s="92"/>
      <c r="R31" s="102"/>
      <c r="S31" s="92"/>
      <c r="T31" s="103"/>
      <c r="U31" s="102"/>
      <c r="V31" s="92"/>
      <c r="W31" s="102"/>
      <c r="X31" s="92"/>
      <c r="Y31" s="92"/>
      <c r="Z31" s="194"/>
      <c r="AA31" s="194"/>
      <c r="AB31" s="91"/>
      <c r="AC31" s="194"/>
      <c r="AD31" s="175"/>
      <c r="AE31" s="175"/>
      <c r="AF31" s="175"/>
      <c r="AG31" s="360"/>
      <c r="AH31" s="148"/>
      <c r="AI31" s="92"/>
      <c r="AJ31" s="92"/>
      <c r="AK31" s="92"/>
      <c r="AL31" s="251"/>
      <c r="AM31" s="92"/>
      <c r="AN31" s="92"/>
      <c r="AO31" s="145"/>
    </row>
    <row r="32" spans="1:41" ht="15.95" customHeight="1" x14ac:dyDescent="0.15">
      <c r="A32" s="162"/>
      <c r="B32" s="153"/>
      <c r="C32" s="153"/>
      <c r="D32" s="153"/>
      <c r="E32" s="162"/>
      <c r="F32" s="153"/>
      <c r="G32" s="153"/>
      <c r="H32" s="154"/>
      <c r="I32" s="148"/>
      <c r="J32" s="92"/>
      <c r="K32" s="92"/>
      <c r="L32" s="145"/>
      <c r="M32" s="155"/>
      <c r="N32" s="124" t="s">
        <v>25</v>
      </c>
      <c r="O32" s="523"/>
      <c r="P32" s="523"/>
      <c r="Q32" s="523"/>
      <c r="R32" s="523"/>
      <c r="S32" s="523"/>
      <c r="T32" s="523"/>
      <c r="U32" s="523"/>
      <c r="V32" s="523"/>
      <c r="W32" s="523"/>
      <c r="X32" s="523"/>
      <c r="Y32" s="523"/>
      <c r="Z32" s="523"/>
      <c r="AA32" s="523"/>
      <c r="AB32" s="523"/>
      <c r="AC32" s="523"/>
      <c r="AD32" s="523"/>
      <c r="AE32" s="523"/>
      <c r="AF32" s="523"/>
      <c r="AG32" s="360" t="s">
        <v>26</v>
      </c>
      <c r="AH32" s="148"/>
      <c r="AI32" s="92"/>
      <c r="AJ32" s="92"/>
      <c r="AK32" s="92"/>
      <c r="AL32" s="251"/>
      <c r="AM32" s="92"/>
      <c r="AN32" s="92"/>
      <c r="AO32" s="145"/>
    </row>
    <row r="33" spans="1:41" ht="15.95" customHeight="1" x14ac:dyDescent="0.15">
      <c r="A33" s="162"/>
      <c r="B33" s="153"/>
      <c r="C33" s="153"/>
      <c r="D33" s="153"/>
      <c r="E33" s="162"/>
      <c r="F33" s="153"/>
      <c r="G33" s="153"/>
      <c r="H33" s="154"/>
      <c r="I33" s="148"/>
      <c r="J33" s="92"/>
      <c r="K33" s="92"/>
      <c r="L33" s="145"/>
      <c r="M33" s="155" t="s">
        <v>66</v>
      </c>
      <c r="N33" s="92" t="s">
        <v>515</v>
      </c>
      <c r="O33" s="183"/>
      <c r="P33" s="92"/>
      <c r="Q33" s="92"/>
      <c r="R33" s="102"/>
      <c r="S33" s="92"/>
      <c r="T33" s="103"/>
      <c r="U33" s="102"/>
      <c r="V33" s="92"/>
      <c r="W33" s="102"/>
      <c r="X33" s="92"/>
      <c r="Y33" s="92"/>
      <c r="Z33" s="194"/>
      <c r="AA33" s="194"/>
      <c r="AB33" s="91"/>
      <c r="AC33" s="194"/>
      <c r="AD33" s="175"/>
      <c r="AE33" s="175"/>
      <c r="AF33" s="175"/>
      <c r="AG33" s="360"/>
      <c r="AH33" s="148"/>
      <c r="AI33" s="92"/>
      <c r="AJ33" s="92"/>
      <c r="AK33" s="92"/>
      <c r="AL33" s="251"/>
      <c r="AM33" s="92"/>
      <c r="AN33" s="92"/>
      <c r="AO33" s="145"/>
    </row>
    <row r="34" spans="1:41" ht="15.95" customHeight="1" x14ac:dyDescent="0.15">
      <c r="A34" s="162"/>
      <c r="B34" s="153"/>
      <c r="C34" s="153"/>
      <c r="D34" s="153"/>
      <c r="E34" s="162"/>
      <c r="F34" s="153"/>
      <c r="G34" s="153"/>
      <c r="H34" s="154"/>
      <c r="I34" s="148"/>
      <c r="J34" s="92"/>
      <c r="K34" s="92"/>
      <c r="L34" s="145"/>
      <c r="M34" s="155"/>
      <c r="N34" s="124" t="s">
        <v>25</v>
      </c>
      <c r="O34" s="497"/>
      <c r="P34" s="497"/>
      <c r="Q34" s="497"/>
      <c r="R34" s="497"/>
      <c r="S34" s="497"/>
      <c r="T34" s="497"/>
      <c r="U34" s="497"/>
      <c r="V34" s="497"/>
      <c r="W34" s="497"/>
      <c r="X34" s="497"/>
      <c r="Y34" s="497"/>
      <c r="Z34" s="497"/>
      <c r="AA34" s="497"/>
      <c r="AB34" s="497"/>
      <c r="AC34" s="497"/>
      <c r="AD34" s="497"/>
      <c r="AE34" s="497"/>
      <c r="AF34" s="497"/>
      <c r="AG34" s="360" t="s">
        <v>26</v>
      </c>
      <c r="AH34" s="169"/>
      <c r="AI34" s="105"/>
      <c r="AJ34" s="105"/>
      <c r="AK34" s="105"/>
      <c r="AL34" s="191"/>
      <c r="AM34" s="92"/>
      <c r="AN34" s="92"/>
      <c r="AO34" s="145"/>
    </row>
    <row r="35" spans="1:41" ht="15.95" customHeight="1" x14ac:dyDescent="0.15">
      <c r="A35" s="482" t="s">
        <v>181</v>
      </c>
      <c r="B35" s="483"/>
      <c r="C35" s="483"/>
      <c r="D35" s="484"/>
      <c r="E35" s="437" t="s">
        <v>182</v>
      </c>
      <c r="F35" s="438"/>
      <c r="G35" s="438"/>
      <c r="H35" s="439"/>
      <c r="I35" s="437" t="s">
        <v>778</v>
      </c>
      <c r="J35" s="438"/>
      <c r="K35" s="438"/>
      <c r="L35" s="439"/>
      <c r="M35" s="141" t="s">
        <v>779</v>
      </c>
      <c r="N35" s="98"/>
      <c r="O35" s="98"/>
      <c r="P35" s="221"/>
      <c r="Q35" s="221"/>
      <c r="R35" s="140" t="s">
        <v>7</v>
      </c>
      <c r="S35" s="98" t="s">
        <v>704</v>
      </c>
      <c r="T35" s="221"/>
      <c r="U35" s="221"/>
      <c r="V35" s="221"/>
      <c r="W35" s="221"/>
      <c r="X35" s="221"/>
      <c r="Y35" s="221"/>
      <c r="Z35" s="221"/>
      <c r="AA35" s="221"/>
      <c r="AB35" s="221"/>
      <c r="AC35" s="221"/>
      <c r="AD35" s="221"/>
      <c r="AE35" s="221"/>
      <c r="AF35" s="221"/>
      <c r="AG35" s="361"/>
      <c r="AH35" s="140" t="s">
        <v>7</v>
      </c>
      <c r="AI35" s="98" t="s">
        <v>185</v>
      </c>
      <c r="AJ35" s="98"/>
      <c r="AK35" s="98"/>
      <c r="AL35" s="139"/>
      <c r="AM35" s="98"/>
      <c r="AN35" s="98"/>
      <c r="AO35" s="142"/>
    </row>
    <row r="36" spans="1:41" ht="15.95" customHeight="1" x14ac:dyDescent="0.15">
      <c r="A36" s="528" t="s">
        <v>780</v>
      </c>
      <c r="B36" s="529"/>
      <c r="C36" s="529"/>
      <c r="D36" s="530"/>
      <c r="E36" s="494" t="s">
        <v>186</v>
      </c>
      <c r="F36" s="431"/>
      <c r="G36" s="431"/>
      <c r="H36" s="495"/>
      <c r="I36" s="91"/>
      <c r="J36" s="91"/>
      <c r="K36" s="153"/>
      <c r="L36" s="154"/>
      <c r="M36" s="155"/>
      <c r="N36" s="103"/>
      <c r="O36" s="124"/>
      <c r="P36" s="124"/>
      <c r="Q36" s="124"/>
      <c r="R36" s="151" t="s">
        <v>7</v>
      </c>
      <c r="S36" s="92" t="s">
        <v>781</v>
      </c>
      <c r="T36" s="124"/>
      <c r="U36" s="124"/>
      <c r="V36" s="124"/>
      <c r="W36" s="124"/>
      <c r="X36" s="124"/>
      <c r="Y36" s="124"/>
      <c r="Z36" s="124"/>
      <c r="AA36" s="124"/>
      <c r="AB36" s="124"/>
      <c r="AC36" s="124"/>
      <c r="AD36" s="124"/>
      <c r="AE36" s="124"/>
      <c r="AF36" s="124"/>
      <c r="AG36" s="360"/>
      <c r="AH36" s="151" t="s">
        <v>7</v>
      </c>
      <c r="AI36" s="92" t="s">
        <v>782</v>
      </c>
      <c r="AJ36" s="92"/>
      <c r="AK36" s="92"/>
      <c r="AL36" s="147"/>
      <c r="AM36" s="92"/>
      <c r="AN36" s="92"/>
      <c r="AO36" s="145"/>
    </row>
    <row r="37" spans="1:41" ht="15.95" customHeight="1" x14ac:dyDescent="0.15">
      <c r="A37" s="146"/>
      <c r="B37" s="232"/>
      <c r="C37" s="232"/>
      <c r="D37" s="233"/>
      <c r="E37" s="449" t="s">
        <v>189</v>
      </c>
      <c r="F37" s="450"/>
      <c r="G37" s="450"/>
      <c r="H37" s="451"/>
      <c r="I37" s="151" t="s">
        <v>7</v>
      </c>
      <c r="J37" s="311" t="s">
        <v>318</v>
      </c>
      <c r="K37" s="132"/>
      <c r="L37" s="228"/>
      <c r="M37" s="155"/>
      <c r="N37" s="103"/>
      <c r="O37" s="124"/>
      <c r="P37" s="124"/>
      <c r="Q37" s="124"/>
      <c r="R37" s="151" t="s">
        <v>7</v>
      </c>
      <c r="S37" s="92" t="s">
        <v>783</v>
      </c>
      <c r="T37" s="124"/>
      <c r="U37" s="124"/>
      <c r="V37" s="124"/>
      <c r="W37" s="124"/>
      <c r="X37" s="124"/>
      <c r="Y37" s="124"/>
      <c r="Z37" s="124"/>
      <c r="AA37" s="124"/>
      <c r="AB37" s="124"/>
      <c r="AC37" s="124"/>
      <c r="AD37" s="124"/>
      <c r="AE37" s="124"/>
      <c r="AF37" s="124"/>
      <c r="AG37" s="360"/>
      <c r="AH37" s="151" t="s">
        <v>7</v>
      </c>
      <c r="AI37" s="92" t="s">
        <v>784</v>
      </c>
      <c r="AJ37" s="182"/>
      <c r="AK37" s="182"/>
      <c r="AL37" s="145"/>
      <c r="AM37" s="92"/>
      <c r="AN37" s="92"/>
      <c r="AO37" s="145"/>
    </row>
    <row r="38" spans="1:41" ht="15.95" customHeight="1" x14ac:dyDescent="0.15">
      <c r="A38" s="352"/>
      <c r="C38" s="311"/>
      <c r="D38" s="312"/>
      <c r="E38" s="352"/>
      <c r="H38" s="362"/>
      <c r="I38" s="151" t="s">
        <v>7</v>
      </c>
      <c r="J38" s="311" t="s">
        <v>785</v>
      </c>
      <c r="K38" s="230"/>
      <c r="L38" s="231"/>
      <c r="M38" s="155"/>
      <c r="N38" s="103"/>
      <c r="O38" s="124"/>
      <c r="P38" s="124"/>
      <c r="Q38" s="124"/>
      <c r="R38" s="151" t="s">
        <v>7</v>
      </c>
      <c r="S38" s="92" t="s">
        <v>786</v>
      </c>
      <c r="T38" s="124"/>
      <c r="U38" s="124"/>
      <c r="V38" s="124"/>
      <c r="W38" s="124"/>
      <c r="X38" s="124"/>
      <c r="Y38" s="124"/>
      <c r="Z38" s="124"/>
      <c r="AA38" s="124"/>
      <c r="AB38" s="124"/>
      <c r="AC38" s="124"/>
      <c r="AD38" s="124"/>
      <c r="AE38" s="124"/>
      <c r="AF38" s="124"/>
      <c r="AG38" s="360"/>
      <c r="AH38" s="151" t="s">
        <v>7</v>
      </c>
      <c r="AI38" s="156" t="s">
        <v>753</v>
      </c>
      <c r="AJ38" s="92"/>
      <c r="AK38" s="92"/>
      <c r="AL38" s="147"/>
      <c r="AM38" s="92"/>
      <c r="AN38" s="92"/>
      <c r="AO38" s="145"/>
    </row>
    <row r="39" spans="1:41" ht="15.95" customHeight="1" x14ac:dyDescent="0.15">
      <c r="A39" s="352"/>
      <c r="C39" s="311"/>
      <c r="D39" s="312"/>
      <c r="E39" s="148"/>
      <c r="F39" s="92"/>
      <c r="G39" s="92"/>
      <c r="H39" s="145"/>
      <c r="I39" s="227"/>
      <c r="J39" s="132"/>
      <c r="K39" s="132"/>
      <c r="L39" s="228"/>
      <c r="M39" s="155"/>
      <c r="N39" s="103"/>
      <c r="O39" s="124"/>
      <c r="P39" s="124"/>
      <c r="Q39" s="124"/>
      <c r="R39" s="151" t="s">
        <v>7</v>
      </c>
      <c r="S39" s="92" t="s">
        <v>0</v>
      </c>
      <c r="T39" s="124"/>
      <c r="U39" s="124"/>
      <c r="V39" s="124"/>
      <c r="W39" s="124"/>
      <c r="X39" s="124"/>
      <c r="Y39" s="124"/>
      <c r="Z39" s="124"/>
      <c r="AA39" s="124"/>
      <c r="AB39" s="124"/>
      <c r="AC39" s="124"/>
      <c r="AD39" s="124"/>
      <c r="AE39" s="124"/>
      <c r="AF39" s="124"/>
      <c r="AG39" s="360"/>
      <c r="AH39" s="151" t="s">
        <v>7</v>
      </c>
      <c r="AI39" s="92"/>
      <c r="AJ39" s="92"/>
      <c r="AK39" s="92"/>
      <c r="AL39" s="357"/>
      <c r="AM39" s="92"/>
      <c r="AN39" s="92"/>
      <c r="AO39" s="145"/>
    </row>
    <row r="40" spans="1:41" ht="15.95" customHeight="1" x14ac:dyDescent="0.15">
      <c r="A40" s="352"/>
      <c r="C40" s="311"/>
      <c r="D40" s="312"/>
      <c r="E40" s="148"/>
      <c r="F40" s="92"/>
      <c r="G40" s="92"/>
      <c r="H40" s="145"/>
      <c r="I40" s="227"/>
      <c r="J40" s="132"/>
      <c r="K40" s="132"/>
      <c r="L40" s="228"/>
      <c r="M40" s="212"/>
      <c r="N40" s="118"/>
      <c r="O40" s="118"/>
      <c r="P40" s="118"/>
      <c r="Q40" s="118"/>
      <c r="R40" s="126" t="s">
        <v>7</v>
      </c>
      <c r="S40" s="105" t="s">
        <v>787</v>
      </c>
      <c r="T40" s="118"/>
      <c r="U40" s="118"/>
      <c r="V40" s="118"/>
      <c r="W40" s="118"/>
      <c r="X40" s="118"/>
      <c r="Y40" s="118"/>
      <c r="Z40" s="118"/>
      <c r="AA40" s="118"/>
      <c r="AB40" s="118"/>
      <c r="AC40" s="118"/>
      <c r="AD40" s="118"/>
      <c r="AE40" s="118"/>
      <c r="AF40" s="118"/>
      <c r="AG40" s="216"/>
      <c r="AH40" s="102"/>
      <c r="AI40" s="92"/>
      <c r="AJ40" s="92"/>
      <c r="AK40" s="92"/>
      <c r="AL40" s="357"/>
      <c r="AM40" s="92"/>
      <c r="AN40" s="92"/>
      <c r="AO40" s="145"/>
    </row>
    <row r="41" spans="1:41" ht="15.95" customHeight="1" x14ac:dyDescent="0.15">
      <c r="A41" s="352"/>
      <c r="C41" s="311"/>
      <c r="D41" s="312"/>
      <c r="E41" s="148"/>
      <c r="F41" s="92"/>
      <c r="G41" s="92"/>
      <c r="H41" s="145"/>
      <c r="I41" s="473" t="s">
        <v>788</v>
      </c>
      <c r="J41" s="474"/>
      <c r="K41" s="474"/>
      <c r="L41" s="475"/>
      <c r="M41" s="146" t="s">
        <v>7</v>
      </c>
      <c r="N41" s="92" t="s">
        <v>789</v>
      </c>
      <c r="O41" s="124"/>
      <c r="P41" s="124"/>
      <c r="Q41" s="124"/>
      <c r="R41" s="124"/>
      <c r="S41" s="124"/>
      <c r="T41" s="124"/>
      <c r="U41" s="124"/>
      <c r="V41" s="124"/>
      <c r="W41" s="124"/>
      <c r="X41" s="124"/>
      <c r="Y41" s="124"/>
      <c r="Z41" s="124"/>
      <c r="AA41" s="124"/>
      <c r="AB41" s="124"/>
      <c r="AC41" s="124"/>
      <c r="AD41" s="124"/>
      <c r="AE41" s="124"/>
      <c r="AF41" s="124"/>
      <c r="AG41" s="157"/>
      <c r="AH41" s="155"/>
      <c r="AI41" s="92"/>
      <c r="AJ41" s="92"/>
      <c r="AK41" s="92"/>
      <c r="AL41" s="145"/>
      <c r="AM41" s="92"/>
      <c r="AN41" s="92"/>
      <c r="AO41" s="145"/>
    </row>
    <row r="42" spans="1:41" ht="15.95" customHeight="1" x14ac:dyDescent="0.15">
      <c r="A42" s="162"/>
      <c r="B42" s="311"/>
      <c r="C42" s="311"/>
      <c r="D42" s="312"/>
      <c r="E42" s="148"/>
      <c r="F42" s="92"/>
      <c r="G42" s="92"/>
      <c r="H42" s="145"/>
      <c r="I42" s="531" t="s">
        <v>790</v>
      </c>
      <c r="J42" s="532"/>
      <c r="K42" s="532"/>
      <c r="L42" s="533"/>
      <c r="M42" s="118"/>
      <c r="N42" s="118"/>
      <c r="O42" s="118"/>
      <c r="P42" s="118"/>
      <c r="Q42" s="118"/>
      <c r="R42" s="118"/>
      <c r="S42" s="118"/>
      <c r="T42" s="118"/>
      <c r="U42" s="118"/>
      <c r="V42" s="118"/>
      <c r="W42" s="118"/>
      <c r="X42" s="118"/>
      <c r="Y42" s="118"/>
      <c r="Z42" s="118"/>
      <c r="AA42" s="118"/>
      <c r="AB42" s="118"/>
      <c r="AC42" s="118"/>
      <c r="AD42" s="118"/>
      <c r="AE42" s="118"/>
      <c r="AF42" s="118"/>
      <c r="AG42" s="216"/>
      <c r="AH42" s="155"/>
      <c r="AI42" s="92"/>
      <c r="AJ42" s="92"/>
      <c r="AK42" s="92"/>
      <c r="AL42" s="145"/>
      <c r="AM42" s="92"/>
      <c r="AN42" s="92"/>
      <c r="AO42" s="145"/>
    </row>
    <row r="43" spans="1:41" ht="15.95" customHeight="1" x14ac:dyDescent="0.15">
      <c r="A43" s="234"/>
      <c r="B43" s="92"/>
      <c r="C43" s="92"/>
      <c r="D43" s="145"/>
      <c r="E43" s="352"/>
      <c r="I43" s="473" t="s">
        <v>791</v>
      </c>
      <c r="J43" s="474"/>
      <c r="K43" s="474"/>
      <c r="L43" s="474"/>
      <c r="M43" s="138" t="s">
        <v>7</v>
      </c>
      <c r="N43" s="98" t="s">
        <v>792</v>
      </c>
      <c r="O43" s="221"/>
      <c r="P43" s="221"/>
      <c r="Q43" s="221"/>
      <c r="R43" s="221"/>
      <c r="S43" s="221"/>
      <c r="T43" s="221"/>
      <c r="U43" s="221"/>
      <c r="V43" s="221"/>
      <c r="W43" s="221"/>
      <c r="X43" s="221"/>
      <c r="Y43" s="221"/>
      <c r="Z43" s="221"/>
      <c r="AA43" s="221"/>
      <c r="AB43" s="221"/>
      <c r="AC43" s="221"/>
      <c r="AD43" s="221"/>
      <c r="AE43" s="221"/>
      <c r="AF43" s="221"/>
      <c r="AG43" s="209"/>
      <c r="AH43" s="155"/>
      <c r="AI43" s="92"/>
      <c r="AJ43" s="92"/>
      <c r="AK43" s="92"/>
      <c r="AL43" s="145"/>
      <c r="AM43" s="92"/>
      <c r="AN43" s="92"/>
      <c r="AO43" s="145"/>
    </row>
    <row r="44" spans="1:41" ht="15.95" customHeight="1" x14ac:dyDescent="0.15">
      <c r="A44" s="234"/>
      <c r="B44" s="92"/>
      <c r="C44" s="92"/>
      <c r="D44" s="145"/>
      <c r="E44" s="148"/>
      <c r="F44" s="92"/>
      <c r="G44" s="92"/>
      <c r="H44" s="92"/>
      <c r="I44" s="486" t="s">
        <v>790</v>
      </c>
      <c r="J44" s="487"/>
      <c r="K44" s="487"/>
      <c r="L44" s="487"/>
      <c r="M44" s="121"/>
      <c r="N44" s="151" t="s">
        <v>7</v>
      </c>
      <c r="O44" s="92" t="s">
        <v>793</v>
      </c>
      <c r="P44" s="124"/>
      <c r="Q44" s="124"/>
      <c r="R44" s="124"/>
      <c r="S44" s="124"/>
      <c r="T44" s="124"/>
      <c r="U44" s="124"/>
      <c r="V44" s="124"/>
      <c r="W44" s="124"/>
      <c r="X44" s="124"/>
      <c r="Y44" s="124"/>
      <c r="Z44" s="124"/>
      <c r="AA44" s="124"/>
      <c r="AB44" s="124"/>
      <c r="AC44" s="124"/>
      <c r="AD44" s="124"/>
      <c r="AE44" s="124"/>
      <c r="AF44" s="124"/>
      <c r="AG44" s="157"/>
      <c r="AH44" s="155"/>
      <c r="AI44" s="92"/>
      <c r="AJ44" s="92"/>
      <c r="AK44" s="92"/>
      <c r="AL44" s="145"/>
      <c r="AM44" s="92"/>
      <c r="AN44" s="92"/>
      <c r="AO44" s="145"/>
    </row>
    <row r="45" spans="1:41" ht="15.95" customHeight="1" x14ac:dyDescent="0.15">
      <c r="A45" s="234"/>
      <c r="B45" s="92"/>
      <c r="C45" s="92"/>
      <c r="D45" s="145"/>
      <c r="E45" s="148"/>
      <c r="F45" s="92"/>
      <c r="G45" s="92"/>
      <c r="H45" s="92"/>
      <c r="I45" s="524" t="s">
        <v>794</v>
      </c>
      <c r="J45" s="525"/>
      <c r="K45" s="525"/>
      <c r="L45" s="525"/>
      <c r="M45" s="121"/>
      <c r="N45" s="92" t="s">
        <v>846</v>
      </c>
      <c r="P45" s="124"/>
      <c r="Q45" s="124"/>
      <c r="R45" s="124"/>
      <c r="S45" s="124"/>
      <c r="T45" s="124"/>
      <c r="U45" s="124"/>
      <c r="V45" s="124"/>
      <c r="W45" s="124"/>
      <c r="X45" s="124"/>
      <c r="Y45" s="124"/>
      <c r="Z45" s="124"/>
      <c r="AA45" s="124"/>
      <c r="AB45" s="124"/>
      <c r="AC45" s="124"/>
      <c r="AD45" s="124"/>
      <c r="AE45" s="124"/>
      <c r="AF45" s="124"/>
      <c r="AG45" s="157"/>
      <c r="AH45" s="155"/>
      <c r="AI45" s="92"/>
      <c r="AJ45" s="92"/>
      <c r="AK45" s="92"/>
      <c r="AL45" s="145"/>
      <c r="AM45" s="92"/>
      <c r="AN45" s="92"/>
      <c r="AO45" s="145"/>
    </row>
    <row r="46" spans="1:41" ht="15.95" customHeight="1" x14ac:dyDescent="0.15">
      <c r="A46" s="234"/>
      <c r="B46" s="92"/>
      <c r="C46" s="92"/>
      <c r="D46" s="145"/>
      <c r="E46" s="169"/>
      <c r="F46" s="105"/>
      <c r="G46" s="105"/>
      <c r="H46" s="105"/>
      <c r="I46" s="526" t="s">
        <v>795</v>
      </c>
      <c r="J46" s="527"/>
      <c r="K46" s="527"/>
      <c r="L46" s="527"/>
      <c r="M46" s="115"/>
      <c r="N46" s="126" t="s">
        <v>7</v>
      </c>
      <c r="O46" s="105" t="s">
        <v>796</v>
      </c>
      <c r="P46" s="118"/>
      <c r="Q46" s="118"/>
      <c r="R46" s="118"/>
      <c r="S46" s="118"/>
      <c r="T46" s="118"/>
      <c r="U46" s="118"/>
      <c r="V46" s="118"/>
      <c r="W46" s="118"/>
      <c r="X46" s="118"/>
      <c r="Y46" s="118"/>
      <c r="Z46" s="118"/>
      <c r="AA46" s="118"/>
      <c r="AB46" s="118"/>
      <c r="AC46" s="118"/>
      <c r="AD46" s="118"/>
      <c r="AE46" s="118"/>
      <c r="AF46" s="118"/>
      <c r="AG46" s="216"/>
      <c r="AH46" s="155"/>
      <c r="AI46" s="92"/>
      <c r="AJ46" s="92"/>
      <c r="AK46" s="92"/>
      <c r="AL46" s="145"/>
      <c r="AM46" s="92"/>
      <c r="AN46" s="92"/>
      <c r="AO46" s="145"/>
    </row>
    <row r="47" spans="1:41" ht="15.95" customHeight="1" x14ac:dyDescent="0.15">
      <c r="A47" s="234"/>
      <c r="B47" s="92"/>
      <c r="C47" s="92"/>
      <c r="D47" s="145"/>
      <c r="E47" s="437" t="s">
        <v>797</v>
      </c>
      <c r="F47" s="438"/>
      <c r="G47" s="438"/>
      <c r="H47" s="439"/>
      <c r="I47" s="473" t="s">
        <v>798</v>
      </c>
      <c r="J47" s="474"/>
      <c r="K47" s="474"/>
      <c r="L47" s="475"/>
      <c r="M47" s="138" t="s">
        <v>7</v>
      </c>
      <c r="N47" s="98" t="s">
        <v>799</v>
      </c>
      <c r="O47" s="221"/>
      <c r="P47" s="221"/>
      <c r="Q47" s="221"/>
      <c r="R47" s="221"/>
      <c r="S47" s="221"/>
      <c r="T47" s="221"/>
      <c r="U47" s="221"/>
      <c r="V47" s="221"/>
      <c r="W47" s="221"/>
      <c r="X47" s="221"/>
      <c r="Y47" s="221"/>
      <c r="Z47" s="221"/>
      <c r="AA47" s="221"/>
      <c r="AB47" s="221"/>
      <c r="AC47" s="221"/>
      <c r="AD47" s="221"/>
      <c r="AE47" s="221"/>
      <c r="AF47" s="221"/>
      <c r="AG47" s="209"/>
      <c r="AH47" s="155"/>
      <c r="AI47" s="92"/>
      <c r="AJ47" s="92"/>
      <c r="AK47" s="92"/>
      <c r="AL47" s="145"/>
      <c r="AM47" s="92"/>
      <c r="AN47" s="92"/>
      <c r="AO47" s="145"/>
    </row>
    <row r="48" spans="1:41" ht="15.95" customHeight="1" x14ac:dyDescent="0.15">
      <c r="A48" s="234"/>
      <c r="B48" s="92"/>
      <c r="C48" s="92"/>
      <c r="D48" s="145"/>
      <c r="E48" s="162"/>
      <c r="F48" s="153"/>
      <c r="G48" s="153"/>
      <c r="H48" s="154"/>
      <c r="I48" s="203"/>
      <c r="J48" s="204"/>
      <c r="K48" s="204"/>
      <c r="L48" s="205"/>
      <c r="M48" s="121"/>
      <c r="N48" s="151" t="s">
        <v>7</v>
      </c>
      <c r="O48" s="92" t="s">
        <v>800</v>
      </c>
      <c r="P48" s="124"/>
      <c r="Q48" s="124"/>
      <c r="R48" s="124"/>
      <c r="S48" s="124"/>
      <c r="T48" s="124"/>
      <c r="U48" s="124"/>
      <c r="V48" s="124"/>
      <c r="W48" s="124"/>
      <c r="X48" s="124"/>
      <c r="Y48" s="124"/>
      <c r="Z48" s="124"/>
      <c r="AA48" s="124"/>
      <c r="AB48" s="124"/>
      <c r="AC48" s="124"/>
      <c r="AD48" s="124"/>
      <c r="AE48" s="124"/>
      <c r="AF48" s="124"/>
      <c r="AG48" s="157"/>
      <c r="AH48" s="155"/>
      <c r="AI48" s="92"/>
      <c r="AJ48" s="92"/>
      <c r="AK48" s="92"/>
      <c r="AL48" s="145"/>
      <c r="AM48" s="92"/>
      <c r="AN48" s="92"/>
      <c r="AO48" s="145"/>
    </row>
    <row r="49" spans="1:41" ht="15.95" customHeight="1" x14ac:dyDescent="0.15">
      <c r="A49" s="234"/>
      <c r="B49" s="92"/>
      <c r="C49" s="92"/>
      <c r="D49" s="145"/>
      <c r="E49" s="162"/>
      <c r="F49" s="153"/>
      <c r="G49" s="153"/>
      <c r="H49" s="154"/>
      <c r="I49" s="203"/>
      <c r="J49" s="204"/>
      <c r="K49" s="204"/>
      <c r="L49" s="205"/>
      <c r="M49" s="121"/>
      <c r="N49" s="124"/>
      <c r="O49" s="92"/>
      <c r="P49" s="124"/>
      <c r="Q49" s="124"/>
      <c r="R49" s="124"/>
      <c r="S49" s="124"/>
      <c r="T49" s="124"/>
      <c r="U49" s="124"/>
      <c r="V49" s="124"/>
      <c r="W49" s="124"/>
      <c r="X49" s="124"/>
      <c r="Y49" s="124"/>
      <c r="Z49" s="124"/>
      <c r="AA49" s="124"/>
      <c r="AB49" s="124"/>
      <c r="AC49" s="124"/>
      <c r="AD49" s="124"/>
      <c r="AE49" s="124"/>
      <c r="AF49" s="124"/>
      <c r="AG49" s="157"/>
      <c r="AH49" s="155"/>
      <c r="AI49" s="92"/>
      <c r="AJ49" s="92"/>
      <c r="AK49" s="92"/>
      <c r="AL49" s="145"/>
      <c r="AM49" s="92"/>
      <c r="AN49" s="92"/>
      <c r="AO49" s="145"/>
    </row>
    <row r="50" spans="1:41" ht="15.95" customHeight="1" x14ac:dyDescent="0.15">
      <c r="A50" s="234"/>
      <c r="B50" s="92"/>
      <c r="C50" s="92"/>
      <c r="D50" s="145"/>
      <c r="E50" s="162"/>
      <c r="F50" s="153"/>
      <c r="G50" s="153"/>
      <c r="H50" s="154"/>
      <c r="I50" s="203"/>
      <c r="J50" s="204"/>
      <c r="K50" s="204"/>
      <c r="L50" s="205"/>
      <c r="M50" s="155" t="s">
        <v>66</v>
      </c>
      <c r="N50" s="124" t="s">
        <v>801</v>
      </c>
      <c r="O50" s="92"/>
      <c r="P50" s="124"/>
      <c r="Q50" s="124"/>
      <c r="R50" s="124"/>
      <c r="S50" s="124"/>
      <c r="T50" s="124"/>
      <c r="U50" s="124"/>
      <c r="V50" s="124"/>
      <c r="W50" s="124"/>
      <c r="X50" s="124"/>
      <c r="Y50" s="124"/>
      <c r="Z50" s="124"/>
      <c r="AA50" s="124"/>
      <c r="AB50" s="124"/>
      <c r="AC50" s="124"/>
      <c r="AD50" s="124"/>
      <c r="AE50" s="124"/>
      <c r="AF50" s="124"/>
      <c r="AG50" s="157"/>
      <c r="AH50" s="155"/>
      <c r="AI50" s="92"/>
      <c r="AJ50" s="92"/>
      <c r="AK50" s="92"/>
      <c r="AL50" s="145"/>
      <c r="AM50" s="92"/>
      <c r="AN50" s="92"/>
      <c r="AO50" s="145"/>
    </row>
    <row r="51" spans="1:41" ht="15.95" customHeight="1" x14ac:dyDescent="0.15">
      <c r="A51" s="234"/>
      <c r="B51" s="92"/>
      <c r="C51" s="92"/>
      <c r="D51" s="145"/>
      <c r="E51" s="162"/>
      <c r="F51" s="153"/>
      <c r="G51" s="153"/>
      <c r="H51" s="154"/>
      <c r="I51" s="203"/>
      <c r="J51" s="204"/>
      <c r="K51" s="204"/>
      <c r="L51" s="205"/>
      <c r="M51" s="121"/>
      <c r="N51" s="151" t="s">
        <v>7</v>
      </c>
      <c r="O51" s="92" t="s">
        <v>802</v>
      </c>
      <c r="P51" s="124"/>
      <c r="Q51" s="124" t="s">
        <v>803</v>
      </c>
      <c r="R51" s="124"/>
      <c r="S51" s="124"/>
      <c r="T51" s="124"/>
      <c r="U51" s="124"/>
      <c r="V51" s="124"/>
      <c r="W51" s="124"/>
      <c r="X51" s="124"/>
      <c r="Y51" s="124"/>
      <c r="Z51" s="124"/>
      <c r="AA51" s="124"/>
      <c r="AB51" s="124"/>
      <c r="AC51" s="124"/>
      <c r="AD51" s="124"/>
      <c r="AE51" s="124"/>
      <c r="AF51" s="124"/>
      <c r="AG51" s="157"/>
      <c r="AH51" s="155"/>
      <c r="AI51" s="92"/>
      <c r="AJ51" s="92"/>
      <c r="AK51" s="92"/>
      <c r="AL51" s="145"/>
      <c r="AM51" s="92"/>
      <c r="AN51" s="92"/>
      <c r="AO51" s="145"/>
    </row>
    <row r="52" spans="1:41" ht="15.95" customHeight="1" x14ac:dyDescent="0.15">
      <c r="A52" s="234"/>
      <c r="B52" s="92"/>
      <c r="C52" s="92"/>
      <c r="D52" s="145"/>
      <c r="E52" s="162"/>
      <c r="F52" s="153"/>
      <c r="G52" s="153"/>
      <c r="H52" s="154"/>
      <c r="I52" s="203"/>
      <c r="J52" s="204"/>
      <c r="K52" s="204"/>
      <c r="L52" s="205"/>
      <c r="M52" s="121"/>
      <c r="N52" s="151" t="s">
        <v>7</v>
      </c>
      <c r="O52" s="92" t="s">
        <v>804</v>
      </c>
      <c r="P52" s="124"/>
      <c r="Q52" s="124" t="s">
        <v>805</v>
      </c>
      <c r="R52" s="124"/>
      <c r="S52" s="124"/>
      <c r="T52" s="124"/>
      <c r="U52" s="124"/>
      <c r="V52" s="124"/>
      <c r="W52" s="124"/>
      <c r="X52" s="124"/>
      <c r="Y52" s="124"/>
      <c r="Z52" s="124"/>
      <c r="AA52" s="124"/>
      <c r="AB52" s="124"/>
      <c r="AC52" s="124"/>
      <c r="AD52" s="124"/>
      <c r="AE52" s="124"/>
      <c r="AF52" s="124"/>
      <c r="AG52" s="157"/>
      <c r="AH52" s="155"/>
      <c r="AI52" s="92"/>
      <c r="AJ52" s="92"/>
      <c r="AK52" s="92"/>
      <c r="AL52" s="145"/>
      <c r="AM52" s="92"/>
      <c r="AN52" s="92"/>
      <c r="AO52" s="145"/>
    </row>
    <row r="53" spans="1:41" ht="15.95" customHeight="1" x14ac:dyDescent="0.15">
      <c r="A53" s="234"/>
      <c r="B53" s="92"/>
      <c r="C53" s="92"/>
      <c r="D53" s="145"/>
      <c r="E53" s="162"/>
      <c r="F53" s="153"/>
      <c r="G53" s="153"/>
      <c r="H53" s="154"/>
      <c r="I53" s="203"/>
      <c r="J53" s="204"/>
      <c r="K53" s="204"/>
      <c r="L53" s="205"/>
      <c r="M53" s="121"/>
      <c r="N53" s="151" t="s">
        <v>7</v>
      </c>
      <c r="O53" s="92" t="s">
        <v>806</v>
      </c>
      <c r="P53" s="124"/>
      <c r="Q53" s="124" t="s">
        <v>807</v>
      </c>
      <c r="R53" s="124"/>
      <c r="S53" s="124"/>
      <c r="T53" s="124"/>
      <c r="U53" s="124"/>
      <c r="V53" s="124"/>
      <c r="W53" s="124"/>
      <c r="X53" s="124"/>
      <c r="Y53" s="124"/>
      <c r="Z53" s="124"/>
      <c r="AA53" s="124"/>
      <c r="AB53" s="124"/>
      <c r="AC53" s="124"/>
      <c r="AD53" s="124"/>
      <c r="AE53" s="124"/>
      <c r="AF53" s="124"/>
      <c r="AG53" s="157"/>
      <c r="AH53" s="102"/>
      <c r="AI53" s="92"/>
      <c r="AJ53" s="92"/>
      <c r="AK53" s="92"/>
      <c r="AL53" s="145"/>
      <c r="AM53" s="92"/>
      <c r="AN53" s="92"/>
      <c r="AO53" s="145"/>
    </row>
    <row r="54" spans="1:41" ht="15.95" customHeight="1" x14ac:dyDescent="0.15">
      <c r="A54" s="234"/>
      <c r="B54" s="92"/>
      <c r="C54" s="92"/>
      <c r="D54" s="145"/>
      <c r="E54" s="148"/>
      <c r="F54" s="92"/>
      <c r="G54" s="92"/>
      <c r="H54" s="145"/>
      <c r="I54" s="227"/>
      <c r="J54" s="132"/>
      <c r="K54" s="132"/>
      <c r="L54" s="228"/>
      <c r="M54" s="121"/>
      <c r="N54" s="124"/>
      <c r="O54" s="92"/>
      <c r="P54" s="124"/>
      <c r="Q54" s="124"/>
      <c r="R54" s="124"/>
      <c r="S54" s="124"/>
      <c r="T54" s="124"/>
      <c r="U54" s="124"/>
      <c r="V54" s="124"/>
      <c r="W54" s="124"/>
      <c r="X54" s="124"/>
      <c r="Y54" s="124"/>
      <c r="Z54" s="124"/>
      <c r="AA54" s="124"/>
      <c r="AB54" s="124"/>
      <c r="AC54" s="124"/>
      <c r="AD54" s="124"/>
      <c r="AE54" s="124"/>
      <c r="AF54" s="124"/>
      <c r="AG54" s="157"/>
      <c r="AH54" s="102"/>
      <c r="AI54" s="92"/>
      <c r="AJ54" s="92"/>
      <c r="AK54" s="92"/>
      <c r="AL54" s="145"/>
      <c r="AM54" s="92"/>
      <c r="AN54" s="92"/>
      <c r="AO54" s="145"/>
    </row>
    <row r="55" spans="1:41" ht="15.95" customHeight="1" x14ac:dyDescent="0.15">
      <c r="A55" s="234"/>
      <c r="B55" s="92"/>
      <c r="C55" s="92"/>
      <c r="D55" s="145"/>
      <c r="E55" s="148"/>
      <c r="F55" s="92"/>
      <c r="G55" s="92"/>
      <c r="H55" s="145"/>
      <c r="I55" s="227"/>
      <c r="J55" s="132"/>
      <c r="K55" s="132"/>
      <c r="L55" s="228"/>
      <c r="M55" s="155" t="s">
        <v>66</v>
      </c>
      <c r="N55" s="124" t="s">
        <v>808</v>
      </c>
      <c r="O55" s="92"/>
      <c r="P55" s="124"/>
      <c r="Q55" s="124"/>
      <c r="R55" s="124"/>
      <c r="S55" s="124"/>
      <c r="T55" s="124"/>
      <c r="U55" s="124"/>
      <c r="V55" s="124"/>
      <c r="W55" s="124"/>
      <c r="X55" s="124"/>
      <c r="Y55" s="124"/>
      <c r="Z55" s="124"/>
      <c r="AA55" s="124"/>
      <c r="AB55" s="124"/>
      <c r="AC55" s="124"/>
      <c r="AD55" s="124"/>
      <c r="AE55" s="124"/>
      <c r="AF55" s="124"/>
      <c r="AG55" s="157"/>
      <c r="AH55" s="102"/>
      <c r="AI55" s="92"/>
      <c r="AJ55" s="92"/>
      <c r="AK55" s="92"/>
      <c r="AL55" s="145"/>
      <c r="AM55" s="92"/>
      <c r="AN55" s="92"/>
      <c r="AO55" s="145"/>
    </row>
    <row r="56" spans="1:41" ht="15.95" customHeight="1" x14ac:dyDescent="0.15">
      <c r="A56" s="148"/>
      <c r="B56" s="92"/>
      <c r="C56" s="92"/>
      <c r="D56" s="145"/>
      <c r="E56" s="148"/>
      <c r="F56" s="92"/>
      <c r="G56" s="92"/>
      <c r="H56" s="145"/>
      <c r="I56" s="148"/>
      <c r="J56" s="92"/>
      <c r="K56" s="92"/>
      <c r="L56" s="145"/>
      <c r="M56" s="121"/>
      <c r="N56" s="151" t="s">
        <v>7</v>
      </c>
      <c r="O56" s="92" t="s">
        <v>809</v>
      </c>
      <c r="P56" s="124"/>
      <c r="Q56" s="124"/>
      <c r="R56" s="124"/>
      <c r="S56" s="124"/>
      <c r="T56" s="124"/>
      <c r="U56" s="124"/>
      <c r="V56" s="124"/>
      <c r="W56" s="124"/>
      <c r="X56" s="124"/>
      <c r="Y56" s="124"/>
      <c r="Z56" s="124"/>
      <c r="AA56" s="124"/>
      <c r="AB56" s="124"/>
      <c r="AC56" s="124"/>
      <c r="AD56" s="124"/>
      <c r="AE56" s="124"/>
      <c r="AF56" s="124"/>
      <c r="AG56" s="157"/>
      <c r="AH56" s="102"/>
      <c r="AI56" s="92"/>
      <c r="AJ56" s="92"/>
      <c r="AK56" s="92"/>
      <c r="AL56" s="145"/>
      <c r="AM56" s="92"/>
      <c r="AN56" s="92"/>
      <c r="AO56" s="145"/>
    </row>
    <row r="57" spans="1:41" ht="15.95" customHeight="1" x14ac:dyDescent="0.15">
      <c r="A57" s="169"/>
      <c r="B57" s="105"/>
      <c r="C57" s="105"/>
      <c r="D57" s="170"/>
      <c r="E57" s="169"/>
      <c r="F57" s="105"/>
      <c r="G57" s="105"/>
      <c r="H57" s="170"/>
      <c r="I57" s="115"/>
      <c r="J57" s="105"/>
      <c r="K57" s="105"/>
      <c r="L57" s="170"/>
      <c r="M57" s="115"/>
      <c r="N57" s="126" t="s">
        <v>7</v>
      </c>
      <c r="O57" s="105" t="s">
        <v>203</v>
      </c>
      <c r="P57" s="118"/>
      <c r="Q57" s="118"/>
      <c r="R57" s="118"/>
      <c r="S57" s="118"/>
      <c r="T57" s="118"/>
      <c r="U57" s="118"/>
      <c r="V57" s="118"/>
      <c r="W57" s="118"/>
      <c r="X57" s="118"/>
      <c r="Y57" s="118"/>
      <c r="Z57" s="118"/>
      <c r="AA57" s="118"/>
      <c r="AB57" s="118"/>
      <c r="AC57" s="118"/>
      <c r="AD57" s="118"/>
      <c r="AE57" s="118"/>
      <c r="AF57" s="118"/>
      <c r="AG57" s="216"/>
      <c r="AH57" s="96"/>
      <c r="AI57" s="105"/>
      <c r="AJ57" s="105"/>
      <c r="AK57" s="105"/>
      <c r="AL57" s="170"/>
      <c r="AM57" s="105"/>
      <c r="AN57" s="105"/>
      <c r="AO57" s="170"/>
    </row>
    <row r="58" spans="1:41" ht="15.95" customHeight="1" x14ac:dyDescent="0.15">
      <c r="A58" s="92" t="s">
        <v>180</v>
      </c>
      <c r="E58" s="92"/>
      <c r="F58" s="92"/>
      <c r="G58" s="92"/>
      <c r="H58" s="92"/>
      <c r="I58" s="92"/>
      <c r="J58" s="92"/>
      <c r="K58" s="92"/>
      <c r="L58" s="92"/>
      <c r="M58" s="175"/>
      <c r="N58" s="151"/>
      <c r="O58" s="92"/>
      <c r="P58" s="103"/>
      <c r="Q58" s="103"/>
      <c r="R58" s="103"/>
      <c r="S58" s="103"/>
      <c r="T58" s="102"/>
      <c r="U58" s="103"/>
      <c r="V58" s="103"/>
      <c r="W58" s="102"/>
      <c r="X58" s="176"/>
      <c r="Y58" s="176"/>
      <c r="Z58" s="176"/>
      <c r="AA58" s="176"/>
      <c r="AB58" s="176"/>
      <c r="AC58" s="176"/>
      <c r="AD58" s="176"/>
      <c r="AE58" s="176"/>
      <c r="AF58" s="176"/>
      <c r="AG58" s="102"/>
      <c r="AH58" s="102"/>
      <c r="AI58" s="92"/>
      <c r="AJ58" s="92"/>
      <c r="AK58" s="92"/>
      <c r="AL58" s="92"/>
      <c r="AM58" s="92"/>
      <c r="AN58" s="92"/>
      <c r="AO58" s="92"/>
    </row>
    <row r="59" spans="1:41" ht="15.95" customHeight="1" x14ac:dyDescent="0.15">
      <c r="A59" s="92"/>
      <c r="E59" s="92"/>
      <c r="F59" s="92"/>
      <c r="G59" s="92"/>
      <c r="H59" s="92"/>
      <c r="I59" s="92"/>
      <c r="J59" s="92"/>
      <c r="K59" s="92"/>
      <c r="L59" s="92"/>
      <c r="M59" s="175"/>
      <c r="N59" s="151"/>
      <c r="O59" s="92"/>
      <c r="P59" s="103"/>
      <c r="Q59" s="103"/>
      <c r="R59" s="103"/>
      <c r="S59" s="103"/>
      <c r="T59" s="102"/>
      <c r="U59" s="103"/>
      <c r="V59" s="103"/>
      <c r="W59" s="102"/>
      <c r="X59" s="176"/>
      <c r="Y59" s="176"/>
      <c r="Z59" s="176"/>
      <c r="AA59" s="176"/>
      <c r="AB59" s="176"/>
      <c r="AC59" s="176"/>
      <c r="AD59" s="176"/>
      <c r="AE59" s="176"/>
      <c r="AF59" s="176"/>
      <c r="AG59" s="102"/>
      <c r="AH59" s="102"/>
      <c r="AI59" s="92"/>
      <c r="AJ59" s="92"/>
      <c r="AK59" s="92"/>
      <c r="AL59" s="92"/>
      <c r="AM59" s="92"/>
      <c r="AN59" s="92"/>
      <c r="AO59" s="92"/>
    </row>
    <row r="60" spans="1:41" ht="15.95" customHeight="1" x14ac:dyDescent="0.15">
      <c r="A60" s="92"/>
      <c r="E60" s="92"/>
      <c r="F60" s="92"/>
      <c r="G60" s="92"/>
      <c r="H60" s="92"/>
      <c r="I60" s="92"/>
      <c r="J60" s="92"/>
      <c r="K60" s="92"/>
      <c r="L60" s="92"/>
      <c r="M60" s="175"/>
      <c r="N60" s="151"/>
      <c r="O60" s="92"/>
      <c r="P60" s="103"/>
      <c r="Q60" s="103"/>
      <c r="R60" s="103"/>
      <c r="S60" s="103"/>
      <c r="T60" s="102"/>
      <c r="U60" s="103"/>
      <c r="V60" s="103"/>
      <c r="W60" s="102"/>
      <c r="X60" s="176"/>
      <c r="Y60" s="176"/>
      <c r="Z60" s="176"/>
      <c r="AA60" s="176"/>
      <c r="AB60" s="176"/>
      <c r="AC60" s="176"/>
      <c r="AD60" s="176"/>
      <c r="AE60" s="176"/>
      <c r="AF60" s="176"/>
      <c r="AG60" s="102"/>
      <c r="AH60" s="102"/>
      <c r="AI60" s="92"/>
      <c r="AJ60" s="92"/>
      <c r="AK60" s="92"/>
      <c r="AL60" s="92"/>
      <c r="AM60" s="92"/>
      <c r="AN60" s="92"/>
      <c r="AO60" s="92"/>
    </row>
    <row r="61" spans="1:41" ht="15.95" customHeight="1" x14ac:dyDescent="0.15">
      <c r="A61" s="452" t="s">
        <v>55</v>
      </c>
      <c r="B61" s="453"/>
      <c r="C61" s="453"/>
      <c r="D61" s="453"/>
      <c r="E61" s="437" t="s">
        <v>56</v>
      </c>
      <c r="F61" s="438"/>
      <c r="G61" s="438"/>
      <c r="H61" s="439"/>
      <c r="I61" s="459" t="s">
        <v>57</v>
      </c>
      <c r="J61" s="459"/>
      <c r="K61" s="459"/>
      <c r="L61" s="459"/>
      <c r="M61" s="459"/>
      <c r="N61" s="459"/>
      <c r="O61" s="459"/>
      <c r="P61" s="459"/>
      <c r="Q61" s="459"/>
      <c r="R61" s="459"/>
      <c r="S61" s="459"/>
      <c r="T61" s="459"/>
      <c r="U61" s="459"/>
      <c r="V61" s="459"/>
      <c r="W61" s="459"/>
      <c r="X61" s="459"/>
      <c r="Y61" s="459"/>
      <c r="Z61" s="459"/>
      <c r="AA61" s="459"/>
      <c r="AB61" s="459"/>
      <c r="AC61" s="459"/>
      <c r="AD61" s="459"/>
      <c r="AE61" s="459"/>
      <c r="AF61" s="459"/>
      <c r="AG61" s="459"/>
      <c r="AH61" s="452" t="s">
        <v>59</v>
      </c>
      <c r="AI61" s="453"/>
      <c r="AJ61" s="453"/>
      <c r="AK61" s="453"/>
      <c r="AL61" s="454"/>
      <c r="AM61" s="453" t="s">
        <v>60</v>
      </c>
      <c r="AN61" s="453"/>
      <c r="AO61" s="454"/>
    </row>
    <row r="62" spans="1:41" ht="15.95" customHeight="1" x14ac:dyDescent="0.15">
      <c r="A62" s="455"/>
      <c r="B62" s="456"/>
      <c r="C62" s="456"/>
      <c r="D62" s="456"/>
      <c r="E62" s="461" t="s">
        <v>61</v>
      </c>
      <c r="F62" s="462"/>
      <c r="G62" s="462"/>
      <c r="H62" s="463"/>
      <c r="I62" s="465" t="s">
        <v>61</v>
      </c>
      <c r="J62" s="465"/>
      <c r="K62" s="465"/>
      <c r="L62" s="466"/>
      <c r="M62" s="452" t="s">
        <v>60</v>
      </c>
      <c r="N62" s="453"/>
      <c r="O62" s="453"/>
      <c r="P62" s="453"/>
      <c r="Q62" s="453"/>
      <c r="R62" s="453"/>
      <c r="S62" s="453"/>
      <c r="T62" s="453"/>
      <c r="U62" s="453"/>
      <c r="V62" s="453"/>
      <c r="W62" s="453"/>
      <c r="X62" s="453"/>
      <c r="Y62" s="453"/>
      <c r="Z62" s="453"/>
      <c r="AA62" s="453"/>
      <c r="AB62" s="453"/>
      <c r="AC62" s="453"/>
      <c r="AD62" s="453"/>
      <c r="AE62" s="453"/>
      <c r="AF62" s="453"/>
      <c r="AG62" s="453"/>
      <c r="AH62" s="455"/>
      <c r="AI62" s="456"/>
      <c r="AJ62" s="456"/>
      <c r="AK62" s="456"/>
      <c r="AL62" s="457"/>
      <c r="AM62" s="456" t="s">
        <v>62</v>
      </c>
      <c r="AN62" s="456"/>
      <c r="AO62" s="457"/>
    </row>
    <row r="63" spans="1:41" ht="15.95" customHeight="1" x14ac:dyDescent="0.15">
      <c r="A63" s="437" t="s">
        <v>271</v>
      </c>
      <c r="B63" s="438"/>
      <c r="C63" s="438"/>
      <c r="D63" s="439"/>
      <c r="E63" s="438" t="s">
        <v>526</v>
      </c>
      <c r="F63" s="438"/>
      <c r="G63" s="438"/>
      <c r="H63" s="439"/>
      <c r="I63" s="437" t="s">
        <v>130</v>
      </c>
      <c r="J63" s="438"/>
      <c r="K63" s="438"/>
      <c r="L63" s="438"/>
      <c r="M63" s="100" t="s">
        <v>66</v>
      </c>
      <c r="N63" s="208" t="s">
        <v>273</v>
      </c>
      <c r="O63" s="208"/>
      <c r="P63" s="207" t="s">
        <v>25</v>
      </c>
      <c r="Q63" s="140" t="s">
        <v>7</v>
      </c>
      <c r="R63" s="98" t="s">
        <v>1</v>
      </c>
      <c r="S63" s="208"/>
      <c r="T63" s="140" t="s">
        <v>54</v>
      </c>
      <c r="U63" s="98" t="s">
        <v>738</v>
      </c>
      <c r="V63" s="208" t="s">
        <v>26</v>
      </c>
      <c r="W63" s="98"/>
      <c r="X63" s="98"/>
      <c r="Y63" s="206"/>
      <c r="Z63" s="98"/>
      <c r="AA63" s="98"/>
      <c r="AB63" s="98"/>
      <c r="AC63" s="98"/>
      <c r="AD63" s="207"/>
      <c r="AE63" s="207"/>
      <c r="AF63" s="207"/>
      <c r="AG63" s="262"/>
      <c r="AH63" s="138" t="s">
        <v>7</v>
      </c>
      <c r="AI63" s="98" t="s">
        <v>363</v>
      </c>
      <c r="AJ63" s="98"/>
      <c r="AK63" s="98"/>
      <c r="AL63" s="139"/>
      <c r="AM63" s="141"/>
      <c r="AN63" s="98"/>
      <c r="AO63" s="142"/>
    </row>
    <row r="64" spans="1:41" ht="15.95" customHeight="1" x14ac:dyDescent="0.15">
      <c r="A64" s="449" t="s">
        <v>275</v>
      </c>
      <c r="B64" s="450"/>
      <c r="C64" s="450"/>
      <c r="D64" s="451"/>
      <c r="E64" s="148"/>
      <c r="F64" s="92"/>
      <c r="G64" s="92"/>
      <c r="H64" s="145"/>
      <c r="I64" s="449" t="s">
        <v>527</v>
      </c>
      <c r="J64" s="450"/>
      <c r="K64" s="450"/>
      <c r="L64" s="450"/>
      <c r="M64" s="197" t="s">
        <v>66</v>
      </c>
      <c r="N64" s="103" t="s">
        <v>277</v>
      </c>
      <c r="O64" s="103"/>
      <c r="P64" s="175" t="s">
        <v>25</v>
      </c>
      <c r="Q64" s="151" t="s">
        <v>7</v>
      </c>
      <c r="R64" s="92" t="s">
        <v>1</v>
      </c>
      <c r="S64" s="103"/>
      <c r="T64" s="151" t="s">
        <v>54</v>
      </c>
      <c r="U64" s="92" t="s">
        <v>738</v>
      </c>
      <c r="V64" s="103" t="s">
        <v>26</v>
      </c>
      <c r="W64" s="92"/>
      <c r="X64" s="92"/>
      <c r="Y64" s="102"/>
      <c r="Z64" s="92"/>
      <c r="AA64" s="92"/>
      <c r="AB64" s="92"/>
      <c r="AC64" s="92"/>
      <c r="AD64" s="175"/>
      <c r="AE64" s="175"/>
      <c r="AF64" s="175"/>
      <c r="AG64" s="251"/>
      <c r="AH64" s="146" t="s">
        <v>7</v>
      </c>
      <c r="AI64" s="92" t="s">
        <v>287</v>
      </c>
      <c r="AJ64" s="92"/>
      <c r="AK64" s="92"/>
      <c r="AL64" s="147"/>
      <c r="AM64" s="148"/>
      <c r="AN64" s="92"/>
      <c r="AO64" s="145"/>
    </row>
    <row r="65" spans="1:41" ht="15.95" customHeight="1" x14ac:dyDescent="0.15">
      <c r="A65" s="486" t="s">
        <v>528</v>
      </c>
      <c r="B65" s="487"/>
      <c r="C65" s="487"/>
      <c r="D65" s="488"/>
      <c r="E65" s="92"/>
      <c r="F65" s="92"/>
      <c r="G65" s="92"/>
      <c r="H65" s="145"/>
      <c r="I65" s="449" t="s">
        <v>529</v>
      </c>
      <c r="J65" s="450"/>
      <c r="K65" s="450"/>
      <c r="L65" s="450"/>
      <c r="M65" s="197" t="s">
        <v>66</v>
      </c>
      <c r="N65" s="103" t="s">
        <v>280</v>
      </c>
      <c r="O65" s="103"/>
      <c r="P65" s="175" t="s">
        <v>25</v>
      </c>
      <c r="Q65" s="151" t="s">
        <v>7</v>
      </c>
      <c r="R65" s="92" t="s">
        <v>1</v>
      </c>
      <c r="S65" s="103"/>
      <c r="T65" s="151" t="s">
        <v>54</v>
      </c>
      <c r="U65" s="92" t="s">
        <v>738</v>
      </c>
      <c r="V65" s="103" t="s">
        <v>26</v>
      </c>
      <c r="W65" s="92"/>
      <c r="X65" s="92"/>
      <c r="Y65" s="102"/>
      <c r="Z65" s="92"/>
      <c r="AA65" s="92"/>
      <c r="AB65" s="92"/>
      <c r="AC65" s="92"/>
      <c r="AD65" s="175"/>
      <c r="AE65" s="175"/>
      <c r="AF65" s="175"/>
      <c r="AG65" s="251"/>
      <c r="AH65" s="146" t="s">
        <v>7</v>
      </c>
      <c r="AI65" s="92" t="s">
        <v>278</v>
      </c>
      <c r="AJ65" s="92"/>
      <c r="AK65" s="92"/>
      <c r="AL65" s="145"/>
      <c r="AM65" s="148"/>
      <c r="AN65" s="92"/>
      <c r="AO65" s="145"/>
    </row>
    <row r="66" spans="1:41" ht="15.95" customHeight="1" x14ac:dyDescent="0.15">
      <c r="A66" s="494" t="s">
        <v>530</v>
      </c>
      <c r="B66" s="431"/>
      <c r="C66" s="431"/>
      <c r="D66" s="495"/>
      <c r="E66" s="92"/>
      <c r="F66" s="92"/>
      <c r="G66" s="92"/>
      <c r="H66" s="145"/>
      <c r="I66" s="162"/>
      <c r="J66" s="153"/>
      <c r="K66" s="153"/>
      <c r="L66" s="153"/>
      <c r="M66" s="115"/>
      <c r="N66" s="97"/>
      <c r="O66" s="97"/>
      <c r="P66" s="253"/>
      <c r="Q66" s="126"/>
      <c r="R66" s="105"/>
      <c r="S66" s="97"/>
      <c r="T66" s="126"/>
      <c r="U66" s="105"/>
      <c r="V66" s="97"/>
      <c r="W66" s="105"/>
      <c r="X66" s="105"/>
      <c r="Y66" s="96"/>
      <c r="Z66" s="105"/>
      <c r="AA66" s="105"/>
      <c r="AB66" s="105"/>
      <c r="AC66" s="105"/>
      <c r="AD66" s="253"/>
      <c r="AE66" s="253"/>
      <c r="AF66" s="253"/>
      <c r="AG66" s="191"/>
      <c r="AH66" s="146" t="s">
        <v>7</v>
      </c>
      <c r="AI66" s="92" t="s">
        <v>122</v>
      </c>
      <c r="AJ66" s="92"/>
      <c r="AK66" s="92"/>
      <c r="AL66" s="147"/>
      <c r="AM66" s="148"/>
      <c r="AN66" s="92"/>
      <c r="AO66" s="145"/>
    </row>
    <row r="67" spans="1:41" ht="15.95" customHeight="1" x14ac:dyDescent="0.15">
      <c r="A67" s="494"/>
      <c r="B67" s="431"/>
      <c r="C67" s="431"/>
      <c r="D67" s="495"/>
      <c r="E67" s="437" t="s">
        <v>810</v>
      </c>
      <c r="F67" s="499"/>
      <c r="G67" s="499"/>
      <c r="H67" s="500"/>
      <c r="I67" s="437" t="s">
        <v>531</v>
      </c>
      <c r="J67" s="499"/>
      <c r="K67" s="499"/>
      <c r="L67" s="500"/>
      <c r="M67" s="307" t="s">
        <v>66</v>
      </c>
      <c r="N67" s="208" t="s">
        <v>273</v>
      </c>
      <c r="O67" s="208"/>
      <c r="P67" s="207" t="s">
        <v>25</v>
      </c>
      <c r="Q67" s="140" t="s">
        <v>7</v>
      </c>
      <c r="R67" s="98" t="s">
        <v>1</v>
      </c>
      <c r="S67" s="208"/>
      <c r="T67" s="140" t="s">
        <v>54</v>
      </c>
      <c r="U67" s="98" t="s">
        <v>738</v>
      </c>
      <c r="V67" s="208" t="s">
        <v>26</v>
      </c>
      <c r="W67" s="98"/>
      <c r="X67" s="98"/>
      <c r="Y67" s="206"/>
      <c r="Z67" s="98"/>
      <c r="AA67" s="98"/>
      <c r="AB67" s="98"/>
      <c r="AC67" s="98"/>
      <c r="AD67" s="207"/>
      <c r="AE67" s="207"/>
      <c r="AF67" s="207"/>
      <c r="AG67" s="262"/>
      <c r="AH67" s="146" t="s">
        <v>7</v>
      </c>
      <c r="AI67" s="92" t="s">
        <v>545</v>
      </c>
      <c r="AJ67" s="92"/>
      <c r="AK67" s="92"/>
      <c r="AL67" s="147"/>
      <c r="AM67" s="148"/>
      <c r="AN67" s="92"/>
      <c r="AO67" s="145"/>
    </row>
    <row r="68" spans="1:41" ht="15.95" customHeight="1" x14ac:dyDescent="0.15">
      <c r="A68" s="537" t="s">
        <v>532</v>
      </c>
      <c r="B68" s="538"/>
      <c r="C68" s="538"/>
      <c r="D68" s="539"/>
      <c r="E68" s="148"/>
      <c r="F68" s="124"/>
      <c r="G68" s="124"/>
      <c r="H68" s="157"/>
      <c r="I68" s="449" t="s">
        <v>533</v>
      </c>
      <c r="J68" s="477"/>
      <c r="K68" s="477"/>
      <c r="L68" s="478"/>
      <c r="M68" s="101" t="s">
        <v>66</v>
      </c>
      <c r="N68" s="103" t="s">
        <v>277</v>
      </c>
      <c r="O68" s="103"/>
      <c r="P68" s="175" t="s">
        <v>25</v>
      </c>
      <c r="Q68" s="151" t="s">
        <v>7</v>
      </c>
      <c r="R68" s="92" t="s">
        <v>1</v>
      </c>
      <c r="S68" s="103"/>
      <c r="T68" s="151" t="s">
        <v>54</v>
      </c>
      <c r="U68" s="92" t="s">
        <v>738</v>
      </c>
      <c r="V68" s="103" t="s">
        <v>26</v>
      </c>
      <c r="W68" s="92"/>
      <c r="X68" s="92"/>
      <c r="Y68" s="102"/>
      <c r="Z68" s="92"/>
      <c r="AA68" s="92"/>
      <c r="AB68" s="92"/>
      <c r="AC68" s="92"/>
      <c r="AD68" s="175"/>
      <c r="AE68" s="175"/>
      <c r="AF68" s="175"/>
      <c r="AG68" s="251"/>
      <c r="AH68" s="146" t="s">
        <v>7</v>
      </c>
      <c r="AI68" s="92" t="s">
        <v>784</v>
      </c>
      <c r="AJ68" s="92"/>
      <c r="AK68" s="92"/>
      <c r="AL68" s="147"/>
      <c r="AM68" s="148"/>
      <c r="AN68" s="92"/>
      <c r="AO68" s="145"/>
    </row>
    <row r="69" spans="1:41" ht="15.95" customHeight="1" x14ac:dyDescent="0.15">
      <c r="A69" s="537"/>
      <c r="B69" s="538"/>
      <c r="C69" s="538"/>
      <c r="D69" s="539"/>
      <c r="E69" s="148"/>
      <c r="F69" s="92"/>
      <c r="G69" s="92"/>
      <c r="H69" s="145"/>
      <c r="I69" s="449" t="s">
        <v>534</v>
      </c>
      <c r="J69" s="450"/>
      <c r="K69" s="450"/>
      <c r="L69" s="451"/>
      <c r="M69" s="101" t="s">
        <v>66</v>
      </c>
      <c r="N69" s="103" t="s">
        <v>280</v>
      </c>
      <c r="O69" s="103"/>
      <c r="P69" s="175" t="s">
        <v>25</v>
      </c>
      <c r="Q69" s="151" t="s">
        <v>7</v>
      </c>
      <c r="R69" s="92" t="s">
        <v>1</v>
      </c>
      <c r="S69" s="103"/>
      <c r="T69" s="151" t="s">
        <v>54</v>
      </c>
      <c r="U69" s="92" t="s">
        <v>738</v>
      </c>
      <c r="V69" s="103" t="s">
        <v>26</v>
      </c>
      <c r="W69" s="92"/>
      <c r="X69" s="92"/>
      <c r="Y69" s="102"/>
      <c r="Z69" s="92"/>
      <c r="AA69" s="92"/>
      <c r="AB69" s="92"/>
      <c r="AC69" s="92"/>
      <c r="AD69" s="175"/>
      <c r="AE69" s="175"/>
      <c r="AF69" s="175"/>
      <c r="AG69" s="251"/>
      <c r="AH69" s="146" t="s">
        <v>7</v>
      </c>
      <c r="AI69" s="92"/>
      <c r="AJ69" s="92"/>
      <c r="AK69" s="92"/>
      <c r="AL69" s="145"/>
      <c r="AM69" s="148"/>
      <c r="AN69" s="92"/>
      <c r="AO69" s="145"/>
    </row>
    <row r="70" spans="1:41" ht="15.95" customHeight="1" x14ac:dyDescent="0.15">
      <c r="A70" s="537"/>
      <c r="B70" s="538"/>
      <c r="C70" s="538"/>
      <c r="D70" s="539"/>
      <c r="E70" s="169"/>
      <c r="F70" s="105"/>
      <c r="G70" s="105"/>
      <c r="H70" s="170"/>
      <c r="I70" s="164"/>
      <c r="J70" s="105"/>
      <c r="K70" s="105"/>
      <c r="L70" s="170"/>
      <c r="M70" s="126" t="s">
        <v>7</v>
      </c>
      <c r="N70" s="97" t="s">
        <v>535</v>
      </c>
      <c r="O70" s="97"/>
      <c r="P70" s="97"/>
      <c r="Q70" s="97"/>
      <c r="R70" s="105"/>
      <c r="S70" s="97"/>
      <c r="T70" s="97"/>
      <c r="U70" s="97"/>
      <c r="V70" s="105"/>
      <c r="W70" s="96"/>
      <c r="X70" s="96"/>
      <c r="Y70" s="96"/>
      <c r="Z70" s="96"/>
      <c r="AA70" s="96"/>
      <c r="AB70" s="96"/>
      <c r="AC70" s="96"/>
      <c r="AD70" s="96"/>
      <c r="AE70" s="96"/>
      <c r="AF70" s="96"/>
      <c r="AG70" s="259"/>
      <c r="AH70" s="146" t="s">
        <v>7</v>
      </c>
      <c r="AI70" s="92"/>
      <c r="AJ70" s="92"/>
      <c r="AK70" s="92"/>
      <c r="AL70" s="147"/>
      <c r="AM70" s="148"/>
      <c r="AN70" s="92"/>
      <c r="AO70" s="145"/>
    </row>
    <row r="71" spans="1:41" ht="15.95" customHeight="1" x14ac:dyDescent="0.15">
      <c r="A71" s="250"/>
      <c r="C71" s="232"/>
      <c r="D71" s="233"/>
      <c r="E71" s="449" t="s">
        <v>536</v>
      </c>
      <c r="F71" s="477"/>
      <c r="G71" s="477"/>
      <c r="H71" s="478"/>
      <c r="I71" s="449" t="s">
        <v>537</v>
      </c>
      <c r="J71" s="477"/>
      <c r="K71" s="477"/>
      <c r="L71" s="478"/>
      <c r="M71" s="155" t="s">
        <v>66</v>
      </c>
      <c r="N71" s="103" t="s">
        <v>538</v>
      </c>
      <c r="O71" s="103"/>
      <c r="P71" s="103"/>
      <c r="Q71" s="103"/>
      <c r="R71" s="92"/>
      <c r="S71" s="103"/>
      <c r="T71" s="103"/>
      <c r="U71" s="103"/>
      <c r="V71" s="92"/>
      <c r="W71" s="102"/>
      <c r="X71" s="102"/>
      <c r="Y71" s="102"/>
      <c r="Z71" s="102"/>
      <c r="AA71" s="102"/>
      <c r="AB71" s="102"/>
      <c r="AC71" s="102"/>
      <c r="AD71" s="102"/>
      <c r="AE71" s="102"/>
      <c r="AF71" s="102"/>
      <c r="AG71" s="152"/>
      <c r="AH71" s="146"/>
      <c r="AJ71" s="92"/>
      <c r="AK71" s="92"/>
      <c r="AL71" s="147"/>
      <c r="AM71" s="148"/>
      <c r="AN71" s="92"/>
      <c r="AO71" s="145"/>
    </row>
    <row r="72" spans="1:41" ht="15.95" customHeight="1" x14ac:dyDescent="0.15">
      <c r="A72" s="534" t="s">
        <v>811</v>
      </c>
      <c r="B72" s="535"/>
      <c r="C72" s="535"/>
      <c r="D72" s="536"/>
      <c r="E72" s="162"/>
      <c r="F72" s="153"/>
      <c r="G72" s="153"/>
      <c r="H72" s="154"/>
      <c r="I72" s="449" t="s">
        <v>539</v>
      </c>
      <c r="J72" s="477"/>
      <c r="K72" s="477"/>
      <c r="L72" s="478"/>
      <c r="M72" s="173" t="s">
        <v>540</v>
      </c>
      <c r="N72" s="175"/>
      <c r="O72" s="103"/>
      <c r="P72" s="103"/>
      <c r="Q72" s="103"/>
      <c r="R72" s="92"/>
      <c r="S72" s="103" t="s">
        <v>541</v>
      </c>
      <c r="T72" s="103"/>
      <c r="U72" s="103"/>
      <c r="V72" s="92"/>
      <c r="W72" s="102"/>
      <c r="X72" s="103"/>
      <c r="Y72" s="103"/>
      <c r="Z72" s="103"/>
      <c r="AA72" s="102" t="s">
        <v>165</v>
      </c>
      <c r="AB72" s="102"/>
      <c r="AC72" s="102"/>
      <c r="AD72" s="102"/>
      <c r="AE72" s="102"/>
      <c r="AF72" s="102"/>
      <c r="AG72" s="152"/>
      <c r="AH72" s="146"/>
      <c r="AJ72" s="92"/>
      <c r="AK72" s="92"/>
      <c r="AL72" s="147"/>
      <c r="AM72" s="148"/>
      <c r="AN72" s="92"/>
      <c r="AO72" s="145"/>
    </row>
    <row r="73" spans="1:41" ht="15.95" customHeight="1" x14ac:dyDescent="0.15">
      <c r="A73" s="534"/>
      <c r="B73" s="535"/>
      <c r="C73" s="535"/>
      <c r="D73" s="536"/>
      <c r="E73" s="162"/>
      <c r="F73" s="153"/>
      <c r="G73" s="153"/>
      <c r="H73" s="154"/>
      <c r="I73" s="449" t="s">
        <v>542</v>
      </c>
      <c r="J73" s="450"/>
      <c r="K73" s="450"/>
      <c r="L73" s="451"/>
      <c r="M73" s="175" t="s">
        <v>25</v>
      </c>
      <c r="N73" s="431"/>
      <c r="O73" s="431"/>
      <c r="P73" s="431"/>
      <c r="Q73" s="103" t="s">
        <v>26</v>
      </c>
      <c r="R73" s="175" t="s">
        <v>25</v>
      </c>
      <c r="S73" s="103"/>
      <c r="T73" s="103"/>
      <c r="U73" s="103"/>
      <c r="V73" s="103"/>
      <c r="W73" s="103"/>
      <c r="X73" s="103"/>
      <c r="Y73" s="103" t="s">
        <v>26</v>
      </c>
      <c r="Z73" s="175" t="s">
        <v>25</v>
      </c>
      <c r="AA73" s="151" t="s">
        <v>7</v>
      </c>
      <c r="AB73" s="103" t="s">
        <v>306</v>
      </c>
      <c r="AC73" s="102"/>
      <c r="AD73" s="151" t="s">
        <v>54</v>
      </c>
      <c r="AE73" s="103" t="s">
        <v>543</v>
      </c>
      <c r="AF73" s="103"/>
      <c r="AG73" s="152"/>
      <c r="AH73" s="146"/>
      <c r="AJ73" s="92"/>
      <c r="AK73" s="92"/>
      <c r="AL73" s="145"/>
      <c r="AM73" s="148"/>
      <c r="AN73" s="92"/>
      <c r="AO73" s="145"/>
    </row>
    <row r="74" spans="1:41" ht="15.95" customHeight="1" x14ac:dyDescent="0.15">
      <c r="A74" s="534"/>
      <c r="B74" s="535"/>
      <c r="C74" s="535"/>
      <c r="D74" s="536"/>
      <c r="E74" s="148"/>
      <c r="F74" s="92"/>
      <c r="G74" s="92"/>
      <c r="H74" s="145"/>
      <c r="I74" s="486" t="s">
        <v>544</v>
      </c>
      <c r="J74" s="487"/>
      <c r="K74" s="487"/>
      <c r="L74" s="488"/>
      <c r="M74" s="175" t="s">
        <v>25</v>
      </c>
      <c r="N74" s="431"/>
      <c r="O74" s="431"/>
      <c r="P74" s="431"/>
      <c r="Q74" s="103" t="s">
        <v>26</v>
      </c>
      <c r="R74" s="175" t="s">
        <v>25</v>
      </c>
      <c r="S74" s="103"/>
      <c r="T74" s="103"/>
      <c r="U74" s="103"/>
      <c r="V74" s="103"/>
      <c r="W74" s="103"/>
      <c r="X74" s="103"/>
      <c r="Y74" s="103" t="s">
        <v>26</v>
      </c>
      <c r="Z74" s="175" t="s">
        <v>25</v>
      </c>
      <c r="AA74" s="151" t="s">
        <v>54</v>
      </c>
      <c r="AB74" s="103" t="s">
        <v>306</v>
      </c>
      <c r="AC74" s="102"/>
      <c r="AD74" s="151" t="s">
        <v>7</v>
      </c>
      <c r="AE74" s="103" t="s">
        <v>543</v>
      </c>
      <c r="AF74" s="103"/>
      <c r="AG74" s="152"/>
      <c r="AH74" s="146"/>
      <c r="AJ74" s="92"/>
      <c r="AK74" s="92"/>
      <c r="AL74" s="147"/>
      <c r="AM74" s="148"/>
      <c r="AN74" s="92"/>
      <c r="AO74" s="145"/>
    </row>
    <row r="75" spans="1:41" ht="15.95" customHeight="1" x14ac:dyDescent="0.15">
      <c r="A75" s="162"/>
      <c r="B75" s="255"/>
      <c r="C75" s="255"/>
      <c r="D75" s="256"/>
      <c r="E75" s="148"/>
      <c r="F75" s="92"/>
      <c r="G75" s="92"/>
      <c r="H75" s="145"/>
      <c r="I75" s="155"/>
      <c r="J75" s="102"/>
      <c r="K75" s="102"/>
      <c r="L75" s="152"/>
      <c r="M75" s="175" t="s">
        <v>25</v>
      </c>
      <c r="N75" s="479"/>
      <c r="O75" s="479"/>
      <c r="P75" s="479"/>
      <c r="Q75" s="103" t="s">
        <v>26</v>
      </c>
      <c r="R75" s="175" t="s">
        <v>25</v>
      </c>
      <c r="S75" s="431"/>
      <c r="T75" s="431"/>
      <c r="U75" s="431"/>
      <c r="V75" s="431"/>
      <c r="W75" s="431"/>
      <c r="X75" s="103"/>
      <c r="Y75" s="103" t="s">
        <v>26</v>
      </c>
      <c r="Z75" s="175" t="s">
        <v>25</v>
      </c>
      <c r="AA75" s="151" t="s">
        <v>54</v>
      </c>
      <c r="AB75" s="103" t="s">
        <v>306</v>
      </c>
      <c r="AC75" s="102"/>
      <c r="AD75" s="151" t="s">
        <v>54</v>
      </c>
      <c r="AE75" s="103" t="s">
        <v>543</v>
      </c>
      <c r="AF75" s="103"/>
      <c r="AG75" s="152"/>
      <c r="AH75" s="146"/>
      <c r="AI75" s="92"/>
      <c r="AJ75" s="92"/>
      <c r="AK75" s="92"/>
      <c r="AL75" s="362"/>
      <c r="AM75" s="148"/>
      <c r="AN75" s="92"/>
      <c r="AO75" s="145"/>
    </row>
    <row r="76" spans="1:41" ht="15.95" customHeight="1" x14ac:dyDescent="0.15">
      <c r="A76" s="352"/>
      <c r="D76" s="362"/>
      <c r="E76" s="148"/>
      <c r="F76" s="92"/>
      <c r="G76" s="92"/>
      <c r="H76" s="145"/>
      <c r="I76" s="155"/>
      <c r="J76" s="102"/>
      <c r="K76" s="102"/>
      <c r="L76" s="152"/>
      <c r="M76" s="155" t="s">
        <v>66</v>
      </c>
      <c r="N76" s="103" t="s">
        <v>546</v>
      </c>
      <c r="O76" s="102"/>
      <c r="P76" s="102"/>
      <c r="Q76" s="103"/>
      <c r="R76" s="175"/>
      <c r="S76" s="102"/>
      <c r="T76" s="102"/>
      <c r="U76" s="102"/>
      <c r="V76" s="102"/>
      <c r="W76" s="102"/>
      <c r="X76" s="103"/>
      <c r="Y76" s="103"/>
      <c r="Z76" s="175"/>
      <c r="AA76" s="102"/>
      <c r="AB76" s="103"/>
      <c r="AC76" s="102"/>
      <c r="AD76" s="102"/>
      <c r="AE76" s="103"/>
      <c r="AF76" s="103"/>
      <c r="AG76" s="152"/>
      <c r="AH76" s="148"/>
      <c r="AI76" s="92"/>
      <c r="AJ76" s="92"/>
      <c r="AK76" s="92"/>
      <c r="AL76" s="145"/>
      <c r="AM76" s="148"/>
      <c r="AN76" s="92"/>
      <c r="AO76" s="145"/>
    </row>
    <row r="77" spans="1:41" ht="15.95" customHeight="1" x14ac:dyDescent="0.15">
      <c r="A77" s="352"/>
      <c r="D77" s="362"/>
      <c r="E77" s="148"/>
      <c r="F77" s="92"/>
      <c r="G77" s="92"/>
      <c r="H77" s="145"/>
      <c r="I77" s="155"/>
      <c r="J77" s="102"/>
      <c r="K77" s="102"/>
      <c r="L77" s="152"/>
      <c r="M77" s="173" t="s">
        <v>540</v>
      </c>
      <c r="N77" s="175"/>
      <c r="O77" s="103"/>
      <c r="P77" s="103"/>
      <c r="Q77" s="103"/>
      <c r="R77" s="92"/>
      <c r="S77" s="103" t="s">
        <v>547</v>
      </c>
      <c r="T77" s="103"/>
      <c r="U77" s="103"/>
      <c r="V77" s="92"/>
      <c r="W77" s="102"/>
      <c r="X77" s="103"/>
      <c r="Y77" s="103"/>
      <c r="Z77" s="103"/>
      <c r="AA77" s="102" t="s">
        <v>165</v>
      </c>
      <c r="AB77" s="102"/>
      <c r="AC77" s="102"/>
      <c r="AD77" s="102"/>
      <c r="AE77" s="102"/>
      <c r="AF77" s="102"/>
      <c r="AG77" s="152"/>
      <c r="AH77" s="148"/>
      <c r="AI77" s="92"/>
      <c r="AJ77" s="92"/>
      <c r="AK77" s="92"/>
      <c r="AL77" s="152"/>
      <c r="AM77" s="148"/>
      <c r="AN77" s="92"/>
      <c r="AO77" s="145"/>
    </row>
    <row r="78" spans="1:41" ht="15.95" customHeight="1" x14ac:dyDescent="0.15">
      <c r="A78" s="352"/>
      <c r="D78" s="362"/>
      <c r="E78" s="148"/>
      <c r="F78" s="92"/>
      <c r="G78" s="92"/>
      <c r="H78" s="145"/>
      <c r="I78" s="155"/>
      <c r="J78" s="102"/>
      <c r="K78" s="102"/>
      <c r="L78" s="152"/>
      <c r="M78" s="175" t="s">
        <v>25</v>
      </c>
      <c r="N78" s="431"/>
      <c r="O78" s="431"/>
      <c r="P78" s="431"/>
      <c r="Q78" s="103" t="s">
        <v>26</v>
      </c>
      <c r="R78" s="175" t="s">
        <v>25</v>
      </c>
      <c r="S78" s="103"/>
      <c r="T78" s="103"/>
      <c r="U78" s="103"/>
      <c r="V78" s="103"/>
      <c r="W78" s="103"/>
      <c r="X78" s="103"/>
      <c r="Y78" s="103" t="s">
        <v>26</v>
      </c>
      <c r="Z78" s="175" t="s">
        <v>25</v>
      </c>
      <c r="AA78" s="151" t="s">
        <v>7</v>
      </c>
      <c r="AB78" s="103" t="s">
        <v>306</v>
      </c>
      <c r="AC78" s="102"/>
      <c r="AD78" s="151" t="s">
        <v>54</v>
      </c>
      <c r="AE78" s="103" t="s">
        <v>543</v>
      </c>
      <c r="AF78" s="103"/>
      <c r="AG78" s="152"/>
      <c r="AH78" s="148"/>
      <c r="AI78" s="92"/>
      <c r="AJ78" s="92"/>
      <c r="AK78" s="92"/>
      <c r="AL78" s="152"/>
      <c r="AM78" s="148"/>
      <c r="AN78" s="92"/>
      <c r="AO78" s="145"/>
    </row>
    <row r="79" spans="1:41" ht="15.95" customHeight="1" x14ac:dyDescent="0.15">
      <c r="A79" s="148"/>
      <c r="B79" s="92"/>
      <c r="C79" s="92"/>
      <c r="D79" s="145"/>
      <c r="E79" s="148"/>
      <c r="F79" s="92"/>
      <c r="G79" s="92"/>
      <c r="H79" s="145"/>
      <c r="I79" s="155"/>
      <c r="J79" s="102"/>
      <c r="K79" s="102"/>
      <c r="L79" s="152"/>
      <c r="M79" s="175" t="s">
        <v>25</v>
      </c>
      <c r="N79" s="431"/>
      <c r="O79" s="431"/>
      <c r="P79" s="431"/>
      <c r="Q79" s="103" t="s">
        <v>26</v>
      </c>
      <c r="R79" s="175" t="s">
        <v>25</v>
      </c>
      <c r="S79" s="103"/>
      <c r="T79" s="103"/>
      <c r="U79" s="103"/>
      <c r="V79" s="103"/>
      <c r="W79" s="103"/>
      <c r="X79" s="103"/>
      <c r="Y79" s="103" t="s">
        <v>26</v>
      </c>
      <c r="Z79" s="175" t="s">
        <v>25</v>
      </c>
      <c r="AA79" s="151" t="s">
        <v>7</v>
      </c>
      <c r="AB79" s="103" t="s">
        <v>306</v>
      </c>
      <c r="AC79" s="102"/>
      <c r="AD79" s="151" t="s">
        <v>54</v>
      </c>
      <c r="AE79" s="103" t="s">
        <v>543</v>
      </c>
      <c r="AF79" s="103"/>
      <c r="AG79" s="152"/>
      <c r="AH79" s="148"/>
      <c r="AI79" s="92"/>
      <c r="AJ79" s="92"/>
      <c r="AK79" s="92"/>
      <c r="AL79" s="152"/>
      <c r="AM79" s="148"/>
      <c r="AN79" s="92"/>
      <c r="AO79" s="145"/>
    </row>
    <row r="80" spans="1:41" ht="15.95" customHeight="1" x14ac:dyDescent="0.15">
      <c r="A80" s="148"/>
      <c r="B80" s="92"/>
      <c r="C80" s="92"/>
      <c r="D80" s="145"/>
      <c r="E80" s="148"/>
      <c r="F80" s="92"/>
      <c r="G80" s="92"/>
      <c r="H80" s="145"/>
      <c r="I80" s="155"/>
      <c r="J80" s="102"/>
      <c r="K80" s="102"/>
      <c r="L80" s="152"/>
      <c r="M80" s="253" t="s">
        <v>25</v>
      </c>
      <c r="N80" s="468"/>
      <c r="O80" s="468"/>
      <c r="P80" s="468"/>
      <c r="Q80" s="97" t="s">
        <v>26</v>
      </c>
      <c r="R80" s="253" t="s">
        <v>25</v>
      </c>
      <c r="S80" s="456"/>
      <c r="T80" s="456"/>
      <c r="U80" s="456"/>
      <c r="V80" s="456"/>
      <c r="W80" s="456"/>
      <c r="X80" s="97"/>
      <c r="Y80" s="97" t="s">
        <v>26</v>
      </c>
      <c r="Z80" s="253" t="s">
        <v>25</v>
      </c>
      <c r="AA80" s="126" t="s">
        <v>54</v>
      </c>
      <c r="AB80" s="97" t="s">
        <v>306</v>
      </c>
      <c r="AC80" s="96"/>
      <c r="AD80" s="126" t="s">
        <v>54</v>
      </c>
      <c r="AE80" s="97" t="s">
        <v>543</v>
      </c>
      <c r="AF80" s="97"/>
      <c r="AG80" s="259"/>
      <c r="AH80" s="148"/>
      <c r="AI80" s="92"/>
      <c r="AJ80" s="92"/>
      <c r="AK80" s="92"/>
      <c r="AL80" s="251"/>
      <c r="AM80" s="148"/>
      <c r="AN80" s="92"/>
      <c r="AO80" s="145"/>
    </row>
    <row r="81" spans="1:41" ht="15.95" customHeight="1" x14ac:dyDescent="0.15">
      <c r="A81" s="148"/>
      <c r="B81" s="92"/>
      <c r="C81" s="92"/>
      <c r="D81" s="145"/>
      <c r="E81" s="504" t="s">
        <v>812</v>
      </c>
      <c r="F81" s="505"/>
      <c r="G81" s="505"/>
      <c r="H81" s="506"/>
      <c r="I81" s="437" t="s">
        <v>295</v>
      </c>
      <c r="J81" s="499"/>
      <c r="K81" s="499"/>
      <c r="L81" s="500"/>
      <c r="M81" s="151" t="s">
        <v>7</v>
      </c>
      <c r="N81" s="103" t="s">
        <v>296</v>
      </c>
      <c r="O81" s="103"/>
      <c r="P81" s="103"/>
      <c r="Q81" s="103" t="s">
        <v>297</v>
      </c>
      <c r="R81" s="92"/>
      <c r="S81" s="103"/>
      <c r="T81" s="431"/>
      <c r="U81" s="431"/>
      <c r="V81" s="431"/>
      <c r="W81" s="431"/>
      <c r="X81" s="431"/>
      <c r="Y81" s="431"/>
      <c r="Z81" s="431"/>
      <c r="AA81" s="431"/>
      <c r="AB81" s="92" t="s">
        <v>26</v>
      </c>
      <c r="AC81" s="91"/>
      <c r="AD81" s="91"/>
      <c r="AE81" s="91"/>
      <c r="AF81" s="91"/>
      <c r="AG81" s="152"/>
      <c r="AH81" s="146"/>
      <c r="AI81" s="92"/>
      <c r="AJ81" s="92"/>
      <c r="AK81" s="92"/>
      <c r="AL81" s="147"/>
      <c r="AM81" s="148"/>
      <c r="AN81" s="92"/>
      <c r="AO81" s="145"/>
    </row>
    <row r="82" spans="1:41" ht="15.95" customHeight="1" x14ac:dyDescent="0.15">
      <c r="A82" s="148"/>
      <c r="B82" s="92"/>
      <c r="C82" s="92"/>
      <c r="D82" s="145"/>
      <c r="E82" s="507"/>
      <c r="F82" s="508"/>
      <c r="G82" s="508"/>
      <c r="H82" s="509"/>
      <c r="I82" s="461" t="s">
        <v>298</v>
      </c>
      <c r="J82" s="462"/>
      <c r="K82" s="462"/>
      <c r="L82" s="463"/>
      <c r="M82" s="167" t="s">
        <v>54</v>
      </c>
      <c r="N82" s="97" t="s">
        <v>0</v>
      </c>
      <c r="O82" s="97"/>
      <c r="P82" s="97" t="s">
        <v>25</v>
      </c>
      <c r="Q82" s="456"/>
      <c r="R82" s="456"/>
      <c r="S82" s="456"/>
      <c r="T82" s="456"/>
      <c r="U82" s="456"/>
      <c r="V82" s="456"/>
      <c r="W82" s="456"/>
      <c r="X82" s="456"/>
      <c r="Y82" s="456"/>
      <c r="Z82" s="456"/>
      <c r="AA82" s="456"/>
      <c r="AB82" s="105" t="s">
        <v>26</v>
      </c>
      <c r="AC82" s="116"/>
      <c r="AD82" s="116"/>
      <c r="AE82" s="116"/>
      <c r="AF82" s="116"/>
      <c r="AG82" s="259"/>
      <c r="AH82" s="146"/>
      <c r="AI82" s="92"/>
      <c r="AJ82" s="92"/>
      <c r="AK82" s="92"/>
      <c r="AL82" s="147"/>
      <c r="AM82" s="148"/>
      <c r="AN82" s="92"/>
      <c r="AO82" s="145"/>
    </row>
    <row r="83" spans="1:41" ht="15.95" customHeight="1" x14ac:dyDescent="0.15">
      <c r="A83" s="148"/>
      <c r="B83" s="92"/>
      <c r="C83" s="92"/>
      <c r="D83" s="145"/>
      <c r="E83" s="507"/>
      <c r="F83" s="508"/>
      <c r="G83" s="508"/>
      <c r="H83" s="509"/>
      <c r="I83" s="449" t="s">
        <v>299</v>
      </c>
      <c r="J83" s="477"/>
      <c r="K83" s="477"/>
      <c r="L83" s="478"/>
      <c r="M83" s="151" t="s">
        <v>7</v>
      </c>
      <c r="N83" s="103" t="s">
        <v>300</v>
      </c>
      <c r="O83" s="103"/>
      <c r="P83" s="103"/>
      <c r="Q83" s="103"/>
      <c r="R83" s="92"/>
      <c r="S83" s="103"/>
      <c r="T83" s="92"/>
      <c r="U83" s="102"/>
      <c r="V83" s="103"/>
      <c r="W83" s="103"/>
      <c r="X83" s="102"/>
      <c r="Y83" s="102"/>
      <c r="Z83" s="102"/>
      <c r="AA83" s="102"/>
      <c r="AB83" s="92"/>
      <c r="AC83" s="91"/>
      <c r="AD83" s="91"/>
      <c r="AE83" s="91"/>
      <c r="AF83" s="91"/>
      <c r="AG83" s="152"/>
      <c r="AH83" s="155"/>
      <c r="AI83" s="92"/>
      <c r="AJ83" s="92"/>
      <c r="AK83" s="92"/>
      <c r="AL83" s="145"/>
      <c r="AM83" s="148"/>
      <c r="AN83" s="92"/>
      <c r="AO83" s="145"/>
    </row>
    <row r="84" spans="1:41" ht="15.95" customHeight="1" x14ac:dyDescent="0.15">
      <c r="A84" s="148"/>
      <c r="B84" s="92"/>
      <c r="C84" s="92"/>
      <c r="D84" s="145"/>
      <c r="E84" s="92"/>
      <c r="F84" s="92"/>
      <c r="G84" s="92"/>
      <c r="H84" s="145"/>
      <c r="I84" s="148"/>
      <c r="J84" s="92"/>
      <c r="K84" s="92"/>
      <c r="L84" s="145"/>
      <c r="M84" s="155"/>
      <c r="N84" s="510" t="s">
        <v>158</v>
      </c>
      <c r="O84" s="510"/>
      <c r="P84" s="103" t="s">
        <v>25</v>
      </c>
      <c r="Q84" s="431"/>
      <c r="R84" s="431"/>
      <c r="S84" s="431"/>
      <c r="T84" s="431"/>
      <c r="U84" s="431"/>
      <c r="V84" s="431"/>
      <c r="W84" s="431"/>
      <c r="X84" s="431"/>
      <c r="Y84" s="431"/>
      <c r="Z84" s="431"/>
      <c r="AA84" s="431"/>
      <c r="AB84" s="92" t="s">
        <v>26</v>
      </c>
      <c r="AC84" s="91"/>
      <c r="AD84" s="91"/>
      <c r="AE84" s="91"/>
      <c r="AF84" s="91"/>
      <c r="AG84" s="152"/>
      <c r="AH84" s="155"/>
      <c r="AI84" s="92"/>
      <c r="AJ84" s="92"/>
      <c r="AK84" s="92"/>
      <c r="AL84" s="147"/>
      <c r="AM84" s="148"/>
      <c r="AN84" s="92"/>
      <c r="AO84" s="145"/>
    </row>
    <row r="85" spans="1:41" ht="15.95" customHeight="1" x14ac:dyDescent="0.15">
      <c r="A85" s="148"/>
      <c r="B85" s="92"/>
      <c r="C85" s="92"/>
      <c r="D85" s="145"/>
      <c r="E85" s="105"/>
      <c r="F85" s="105"/>
      <c r="G85" s="105"/>
      <c r="H85" s="170"/>
      <c r="I85" s="169"/>
      <c r="J85" s="105"/>
      <c r="K85" s="105"/>
      <c r="L85" s="170"/>
      <c r="M85" s="126" t="s">
        <v>54</v>
      </c>
      <c r="N85" s="97" t="s">
        <v>0</v>
      </c>
      <c r="O85" s="97"/>
      <c r="P85" s="97" t="s">
        <v>25</v>
      </c>
      <c r="Q85" s="96"/>
      <c r="R85" s="96"/>
      <c r="S85" s="96"/>
      <c r="T85" s="96"/>
      <c r="U85" s="96"/>
      <c r="V85" s="96"/>
      <c r="W85" s="96"/>
      <c r="X85" s="96"/>
      <c r="Y85" s="96"/>
      <c r="Z85" s="96"/>
      <c r="AA85" s="105"/>
      <c r="AB85" s="105" t="s">
        <v>26</v>
      </c>
      <c r="AC85" s="116"/>
      <c r="AD85" s="116"/>
      <c r="AE85" s="116"/>
      <c r="AF85" s="116"/>
      <c r="AG85" s="259"/>
      <c r="AH85" s="155"/>
      <c r="AI85" s="92"/>
      <c r="AJ85" s="92"/>
      <c r="AK85" s="92"/>
      <c r="AL85" s="147"/>
      <c r="AM85" s="148"/>
      <c r="AN85" s="92"/>
      <c r="AO85" s="145"/>
    </row>
    <row r="86" spans="1:41" ht="15.95" customHeight="1" x14ac:dyDescent="0.15">
      <c r="A86" s="148"/>
      <c r="B86" s="92"/>
      <c r="C86" s="92"/>
      <c r="D86" s="145"/>
      <c r="E86" s="437" t="s">
        <v>548</v>
      </c>
      <c r="F86" s="438"/>
      <c r="G86" s="438"/>
      <c r="H86" s="438"/>
      <c r="I86" s="437" t="s">
        <v>549</v>
      </c>
      <c r="J86" s="499"/>
      <c r="K86" s="499"/>
      <c r="L86" s="500"/>
      <c r="M86" s="151" t="s">
        <v>7</v>
      </c>
      <c r="N86" s="103" t="s">
        <v>550</v>
      </c>
      <c r="O86" s="103"/>
      <c r="P86" s="103"/>
      <c r="Q86" s="103"/>
      <c r="R86" s="92"/>
      <c r="S86" s="363"/>
      <c r="T86" s="363"/>
      <c r="U86" s="363"/>
      <c r="V86" s="363"/>
      <c r="W86" s="363"/>
      <c r="X86" s="363"/>
      <c r="Y86" s="363"/>
      <c r="Z86" s="363"/>
      <c r="AA86" s="363"/>
      <c r="AB86" s="92"/>
      <c r="AC86" s="91"/>
      <c r="AD86" s="91"/>
      <c r="AE86" s="91"/>
      <c r="AF86" s="91"/>
      <c r="AG86" s="152"/>
      <c r="AH86" s="146"/>
      <c r="AI86" s="92"/>
      <c r="AJ86" s="92"/>
      <c r="AK86" s="92"/>
      <c r="AL86" s="147"/>
      <c r="AM86" s="148"/>
      <c r="AN86" s="92"/>
      <c r="AO86" s="145"/>
    </row>
    <row r="87" spans="1:41" ht="15.95" customHeight="1" x14ac:dyDescent="0.15">
      <c r="A87" s="148"/>
      <c r="B87" s="92"/>
      <c r="C87" s="92"/>
      <c r="D87" s="145"/>
      <c r="E87" s="352"/>
      <c r="I87" s="449" t="s">
        <v>551</v>
      </c>
      <c r="J87" s="450"/>
      <c r="K87" s="450"/>
      <c r="L87" s="451"/>
      <c r="M87" s="155"/>
      <c r="N87" s="92"/>
      <c r="O87" s="92"/>
      <c r="P87" s="92"/>
      <c r="Q87" s="92"/>
      <c r="R87" s="175"/>
      <c r="S87" s="151"/>
      <c r="T87" s="103"/>
      <c r="U87" s="103"/>
      <c r="V87" s="151"/>
      <c r="W87" s="103"/>
      <c r="X87" s="92"/>
      <c r="Y87" s="103"/>
      <c r="Z87" s="91"/>
      <c r="AA87" s="91"/>
      <c r="AB87" s="91"/>
      <c r="AC87" s="103"/>
      <c r="AD87" s="91"/>
      <c r="AE87" s="91"/>
      <c r="AF87" s="91"/>
      <c r="AG87" s="152"/>
      <c r="AH87" s="146"/>
      <c r="AI87" s="92"/>
      <c r="AJ87" s="92"/>
      <c r="AK87" s="92"/>
      <c r="AL87" s="147"/>
      <c r="AM87" s="148"/>
      <c r="AN87" s="92"/>
      <c r="AO87" s="145"/>
    </row>
    <row r="88" spans="1:41" ht="15.95" customHeight="1" x14ac:dyDescent="0.15">
      <c r="A88" s="148"/>
      <c r="B88" s="92"/>
      <c r="C88" s="92"/>
      <c r="D88" s="145"/>
      <c r="E88" s="352"/>
      <c r="I88" s="461"/>
      <c r="J88" s="462"/>
      <c r="K88" s="462"/>
      <c r="L88" s="463"/>
      <c r="M88" s="212"/>
      <c r="N88" s="97"/>
      <c r="O88" s="97"/>
      <c r="P88" s="97"/>
      <c r="Q88" s="97"/>
      <c r="R88" s="105"/>
      <c r="S88" s="97"/>
      <c r="T88" s="105"/>
      <c r="U88" s="96"/>
      <c r="V88" s="97"/>
      <c r="W88" s="97"/>
      <c r="X88" s="96"/>
      <c r="Y88" s="96"/>
      <c r="Z88" s="96"/>
      <c r="AA88" s="96"/>
      <c r="AB88" s="105"/>
      <c r="AC88" s="116"/>
      <c r="AD88" s="116"/>
      <c r="AE88" s="116"/>
      <c r="AF88" s="116"/>
      <c r="AG88" s="259"/>
      <c r="AH88" s="146"/>
      <c r="AI88" s="92"/>
      <c r="AJ88" s="92"/>
      <c r="AK88" s="92"/>
      <c r="AL88" s="145"/>
      <c r="AM88" s="148"/>
      <c r="AN88" s="92"/>
      <c r="AO88" s="145"/>
    </row>
    <row r="89" spans="1:41" ht="15.95" customHeight="1" x14ac:dyDescent="0.15">
      <c r="A89" s="352"/>
      <c r="D89" s="362"/>
      <c r="E89" s="437" t="s">
        <v>552</v>
      </c>
      <c r="F89" s="438"/>
      <c r="G89" s="438"/>
      <c r="H89" s="439"/>
      <c r="I89" s="464" t="s">
        <v>553</v>
      </c>
      <c r="J89" s="465"/>
      <c r="K89" s="465"/>
      <c r="L89" s="466"/>
      <c r="M89" s="278" t="s">
        <v>7</v>
      </c>
      <c r="N89" s="285" t="s">
        <v>554</v>
      </c>
      <c r="O89" s="285"/>
      <c r="P89" s="285"/>
      <c r="Q89" s="285"/>
      <c r="R89" s="94"/>
      <c r="S89" s="285"/>
      <c r="T89" s="94"/>
      <c r="U89" s="133"/>
      <c r="V89" s="285"/>
      <c r="W89" s="285"/>
      <c r="X89" s="285"/>
      <c r="Y89" s="285"/>
      <c r="Z89" s="133"/>
      <c r="AA89" s="133"/>
      <c r="AB89" s="133"/>
      <c r="AC89" s="133"/>
      <c r="AD89" s="133"/>
      <c r="AE89" s="133"/>
      <c r="AF89" s="133"/>
      <c r="AG89" s="296"/>
      <c r="AH89" s="146"/>
      <c r="AI89" s="92"/>
      <c r="AJ89" s="92"/>
      <c r="AL89" s="147"/>
      <c r="AM89" s="352"/>
      <c r="AO89" s="362"/>
    </row>
    <row r="90" spans="1:41" ht="15.95" customHeight="1" x14ac:dyDescent="0.15">
      <c r="A90" s="352"/>
      <c r="D90" s="362"/>
      <c r="E90" s="449" t="s">
        <v>553</v>
      </c>
      <c r="F90" s="450"/>
      <c r="G90" s="450"/>
      <c r="H90" s="451"/>
      <c r="I90" s="437" t="s">
        <v>555</v>
      </c>
      <c r="J90" s="438"/>
      <c r="K90" s="438"/>
      <c r="L90" s="439"/>
      <c r="M90" s="151" t="s">
        <v>7</v>
      </c>
      <c r="N90" s="129" t="s">
        <v>556</v>
      </c>
      <c r="O90" s="129"/>
      <c r="P90" s="129"/>
      <c r="Q90" s="129"/>
      <c r="R90" s="129"/>
      <c r="S90" s="129"/>
      <c r="T90" s="298"/>
      <c r="U90" s="159"/>
      <c r="V90" s="129"/>
      <c r="W90" s="129"/>
      <c r="X90" s="129"/>
      <c r="Y90" s="130"/>
      <c r="Z90" s="159"/>
      <c r="AA90" s="129"/>
      <c r="AB90" s="129"/>
      <c r="AC90" s="129"/>
      <c r="AD90" s="129"/>
      <c r="AE90" s="129"/>
      <c r="AF90" s="129"/>
      <c r="AG90" s="274"/>
      <c r="AH90" s="146"/>
      <c r="AL90" s="147"/>
      <c r="AM90" s="352"/>
      <c r="AO90" s="362"/>
    </row>
    <row r="91" spans="1:41" ht="15.95" customHeight="1" x14ac:dyDescent="0.15">
      <c r="A91" s="352"/>
      <c r="D91" s="362"/>
      <c r="E91" s="437" t="s">
        <v>557</v>
      </c>
      <c r="F91" s="438"/>
      <c r="G91" s="438"/>
      <c r="H91" s="439"/>
      <c r="I91" s="438" t="s">
        <v>553</v>
      </c>
      <c r="J91" s="438"/>
      <c r="K91" s="438"/>
      <c r="L91" s="439"/>
      <c r="M91" s="140" t="s">
        <v>7</v>
      </c>
      <c r="N91" s="98" t="s">
        <v>558</v>
      </c>
      <c r="O91" s="98"/>
      <c r="P91" s="207"/>
      <c r="Q91" s="140"/>
      <c r="R91" s="98"/>
      <c r="S91" s="98"/>
      <c r="T91" s="98"/>
      <c r="U91" s="140"/>
      <c r="V91" s="98"/>
      <c r="W91" s="98"/>
      <c r="X91" s="98"/>
      <c r="Y91" s="98"/>
      <c r="Z91" s="140"/>
      <c r="AA91" s="98"/>
      <c r="AB91" s="98"/>
      <c r="AC91" s="98"/>
      <c r="AD91" s="98"/>
      <c r="AE91" s="98"/>
      <c r="AF91" s="98"/>
      <c r="AG91" s="142"/>
      <c r="AH91" s="146"/>
      <c r="AI91" s="92"/>
      <c r="AJ91" s="92"/>
      <c r="AL91" s="147"/>
      <c r="AM91" s="352"/>
      <c r="AO91" s="362"/>
    </row>
    <row r="92" spans="1:41" ht="15.95" customHeight="1" x14ac:dyDescent="0.15">
      <c r="A92" s="352"/>
      <c r="D92" s="362"/>
      <c r="E92" s="449" t="s">
        <v>559</v>
      </c>
      <c r="F92" s="450"/>
      <c r="G92" s="450"/>
      <c r="H92" s="451"/>
      <c r="I92" s="92"/>
      <c r="J92" s="92"/>
      <c r="K92" s="92"/>
      <c r="L92" s="145"/>
      <c r="M92" s="146"/>
      <c r="N92" s="92" t="s">
        <v>560</v>
      </c>
      <c r="O92" s="92"/>
      <c r="P92" s="175"/>
      <c r="Q92" s="151"/>
      <c r="R92" s="92"/>
      <c r="S92" s="92"/>
      <c r="T92" s="92"/>
      <c r="U92" s="92"/>
      <c r="V92" s="92"/>
      <c r="W92" s="92"/>
      <c r="X92" s="92"/>
      <c r="Y92" s="92"/>
      <c r="Z92" s="92"/>
      <c r="AA92" s="92"/>
      <c r="AB92" s="92"/>
      <c r="AC92" s="92"/>
      <c r="AD92" s="92"/>
      <c r="AE92" s="92"/>
      <c r="AF92" s="92"/>
      <c r="AG92" s="145"/>
      <c r="AH92" s="146"/>
      <c r="AL92" s="147"/>
      <c r="AM92" s="352"/>
      <c r="AO92" s="362"/>
    </row>
    <row r="93" spans="1:41" ht="15.95" customHeight="1" x14ac:dyDescent="0.15">
      <c r="A93" s="352"/>
      <c r="D93" s="362"/>
      <c r="E93" s="148"/>
      <c r="F93" s="92"/>
      <c r="G93" s="92"/>
      <c r="H93" s="145"/>
      <c r="I93" s="92"/>
      <c r="J93" s="92"/>
      <c r="K93" s="92"/>
      <c r="L93" s="145"/>
      <c r="M93" s="151" t="s">
        <v>7</v>
      </c>
      <c r="N93" s="129" t="s">
        <v>561</v>
      </c>
      <c r="O93" s="129"/>
      <c r="P93" s="298"/>
      <c r="Q93" s="159"/>
      <c r="R93" s="129"/>
      <c r="S93" s="129"/>
      <c r="T93" s="129"/>
      <c r="U93" s="159"/>
      <c r="V93" s="129"/>
      <c r="W93" s="129"/>
      <c r="X93" s="129"/>
      <c r="Y93" s="129"/>
      <c r="Z93" s="159"/>
      <c r="AA93" s="129"/>
      <c r="AB93" s="129"/>
      <c r="AC93" s="129"/>
      <c r="AD93" s="129"/>
      <c r="AE93" s="129"/>
      <c r="AF93" s="129"/>
      <c r="AG93" s="274"/>
      <c r="AH93" s="352"/>
      <c r="AL93" s="362"/>
      <c r="AM93" s="352"/>
      <c r="AO93" s="362"/>
    </row>
    <row r="94" spans="1:41" ht="15.95" customHeight="1" x14ac:dyDescent="0.15">
      <c r="A94" s="364"/>
      <c r="B94" s="365"/>
      <c r="C94" s="365"/>
      <c r="D94" s="366"/>
      <c r="E94" s="169"/>
      <c r="F94" s="105"/>
      <c r="G94" s="105"/>
      <c r="H94" s="170"/>
      <c r="I94" s="92"/>
      <c r="J94" s="92"/>
      <c r="K94" s="92"/>
      <c r="L94" s="145"/>
      <c r="M94" s="146" t="s">
        <v>7</v>
      </c>
      <c r="N94" s="92" t="s">
        <v>562</v>
      </c>
      <c r="O94" s="92"/>
      <c r="P94" s="175"/>
      <c r="Q94" s="151"/>
      <c r="R94" s="92"/>
      <c r="S94" s="92"/>
      <c r="T94" s="92"/>
      <c r="U94" s="151"/>
      <c r="V94" s="92"/>
      <c r="W94" s="92"/>
      <c r="X94" s="92"/>
      <c r="Y94" s="92"/>
      <c r="Z94" s="151"/>
      <c r="AA94" s="92"/>
      <c r="AB94" s="92"/>
      <c r="AC94" s="92"/>
      <c r="AD94" s="92"/>
      <c r="AE94" s="92"/>
      <c r="AF94" s="92"/>
      <c r="AG94" s="145"/>
      <c r="AH94" s="352"/>
      <c r="AL94" s="362"/>
      <c r="AM94" s="352"/>
      <c r="AO94" s="362"/>
    </row>
    <row r="95" spans="1:41" ht="15.95" customHeight="1" x14ac:dyDescent="0.15">
      <c r="A95" s="449" t="s">
        <v>271</v>
      </c>
      <c r="B95" s="450"/>
      <c r="C95" s="450"/>
      <c r="D95" s="451"/>
      <c r="E95" s="438" t="s">
        <v>536</v>
      </c>
      <c r="F95" s="499"/>
      <c r="G95" s="499"/>
      <c r="H95" s="499"/>
      <c r="I95" s="482" t="s">
        <v>130</v>
      </c>
      <c r="J95" s="483"/>
      <c r="K95" s="483"/>
      <c r="L95" s="484"/>
      <c r="M95" s="138" t="s">
        <v>54</v>
      </c>
      <c r="N95" s="208" t="s">
        <v>813</v>
      </c>
      <c r="O95" s="208"/>
      <c r="P95" s="208"/>
      <c r="Q95" s="367"/>
      <c r="R95" s="367"/>
      <c r="S95" s="367"/>
      <c r="T95" s="367"/>
      <c r="U95" s="208"/>
      <c r="V95" s="208"/>
      <c r="W95" s="208"/>
      <c r="X95" s="208"/>
      <c r="Y95" s="206"/>
      <c r="Z95" s="208"/>
      <c r="AA95" s="208"/>
      <c r="AB95" s="208"/>
      <c r="AC95" s="208"/>
      <c r="AD95" s="208"/>
      <c r="AE95" s="206"/>
      <c r="AF95" s="206"/>
      <c r="AG95" s="217"/>
      <c r="AH95" s="138" t="s">
        <v>7</v>
      </c>
      <c r="AI95" s="98" t="s">
        <v>363</v>
      </c>
      <c r="AJ95" s="98"/>
      <c r="AK95" s="98"/>
      <c r="AL95" s="139"/>
      <c r="AM95" s="368"/>
      <c r="AN95" s="369"/>
      <c r="AO95" s="370"/>
    </row>
    <row r="96" spans="1:41" ht="15.95" customHeight="1" x14ac:dyDescent="0.15">
      <c r="A96" s="449" t="s">
        <v>275</v>
      </c>
      <c r="B96" s="450"/>
      <c r="C96" s="450"/>
      <c r="D96" s="451"/>
      <c r="E96" s="92"/>
      <c r="F96" s="92"/>
      <c r="G96" s="92"/>
      <c r="H96" s="92"/>
      <c r="I96" s="545" t="s">
        <v>814</v>
      </c>
      <c r="J96" s="546"/>
      <c r="K96" s="546"/>
      <c r="L96" s="547"/>
      <c r="M96" s="169"/>
      <c r="N96" s="371" t="s">
        <v>815</v>
      </c>
      <c r="O96" s="371"/>
      <c r="P96" s="371"/>
      <c r="Q96" s="371"/>
      <c r="R96" s="371"/>
      <c r="S96" s="371"/>
      <c r="T96" s="371"/>
      <c r="U96" s="97"/>
      <c r="V96" s="97"/>
      <c r="W96" s="97"/>
      <c r="X96" s="97"/>
      <c r="Y96" s="96"/>
      <c r="Z96" s="97"/>
      <c r="AA96" s="97"/>
      <c r="AB96" s="97"/>
      <c r="AC96" s="97"/>
      <c r="AD96" s="97"/>
      <c r="AE96" s="96"/>
      <c r="AF96" s="96"/>
      <c r="AG96" s="259"/>
      <c r="AH96" s="146" t="s">
        <v>7</v>
      </c>
      <c r="AI96" s="92" t="s">
        <v>287</v>
      </c>
      <c r="AJ96" s="92"/>
      <c r="AK96" s="92"/>
      <c r="AL96" s="147"/>
      <c r="AM96" s="356"/>
      <c r="AN96"/>
      <c r="AO96" s="357"/>
    </row>
    <row r="97" spans="1:41" ht="15.95" customHeight="1" x14ac:dyDescent="0.15">
      <c r="A97" s="486" t="s">
        <v>528</v>
      </c>
      <c r="B97" s="487"/>
      <c r="C97" s="487"/>
      <c r="D97" s="488"/>
      <c r="E97" s="92"/>
      <c r="F97" s="92"/>
      <c r="G97" s="92"/>
      <c r="H97" s="92"/>
      <c r="I97" s="482" t="s">
        <v>816</v>
      </c>
      <c r="J97" s="483"/>
      <c r="K97" s="483"/>
      <c r="L97" s="484"/>
      <c r="M97" s="138" t="s">
        <v>54</v>
      </c>
      <c r="N97" s="208" t="s">
        <v>817</v>
      </c>
      <c r="O97" s="208"/>
      <c r="P97" s="208"/>
      <c r="Q97" s="367"/>
      <c r="R97" s="367"/>
      <c r="S97" s="367"/>
      <c r="T97" s="367"/>
      <c r="U97" s="208"/>
      <c r="V97" s="208"/>
      <c r="W97" s="208"/>
      <c r="X97" s="208"/>
      <c r="Y97" s="206"/>
      <c r="Z97" s="208"/>
      <c r="AA97" s="208"/>
      <c r="AB97" s="208"/>
      <c r="AC97" s="208"/>
      <c r="AD97" s="208"/>
      <c r="AE97" s="206"/>
      <c r="AF97" s="206"/>
      <c r="AG97" s="217"/>
      <c r="AH97" s="146" t="s">
        <v>7</v>
      </c>
      <c r="AI97" s="92" t="s">
        <v>278</v>
      </c>
      <c r="AJ97" s="92"/>
      <c r="AK97" s="92"/>
      <c r="AL97" s="362"/>
      <c r="AM97" s="356"/>
      <c r="AN97"/>
      <c r="AO97" s="357"/>
    </row>
    <row r="98" spans="1:41" ht="15.95" customHeight="1" x14ac:dyDescent="0.15">
      <c r="A98" s="494" t="s">
        <v>530</v>
      </c>
      <c r="B98" s="431"/>
      <c r="C98" s="431"/>
      <c r="D98" s="495"/>
      <c r="E98" s="92"/>
      <c r="F98" s="92"/>
      <c r="G98" s="92"/>
      <c r="H98" s="92"/>
      <c r="I98" s="540" t="s">
        <v>818</v>
      </c>
      <c r="J98" s="541"/>
      <c r="K98" s="541"/>
      <c r="L98" s="542"/>
      <c r="M98" s="212"/>
      <c r="N98" s="96"/>
      <c r="O98" s="97"/>
      <c r="P98" s="96"/>
      <c r="Q98" s="96"/>
      <c r="R98" s="97"/>
      <c r="S98" s="97"/>
      <c r="T98" s="96"/>
      <c r="U98" s="96"/>
      <c r="V98" s="96"/>
      <c r="W98" s="96"/>
      <c r="X98" s="97"/>
      <c r="Y98" s="96"/>
      <c r="Z98" s="97"/>
      <c r="AA98" s="116"/>
      <c r="AB98" s="96"/>
      <c r="AC98" s="96"/>
      <c r="AD98" s="96"/>
      <c r="AE98" s="96"/>
      <c r="AF98" s="96"/>
      <c r="AG98" s="259"/>
      <c r="AH98" s="146" t="s">
        <v>7</v>
      </c>
      <c r="AI98" s="92" t="s">
        <v>122</v>
      </c>
      <c r="AJ98" s="92"/>
      <c r="AK98" s="92"/>
      <c r="AL98" s="147"/>
      <c r="AM98" s="356"/>
      <c r="AN98"/>
      <c r="AO98" s="357"/>
    </row>
    <row r="99" spans="1:41" ht="15.95" customHeight="1" x14ac:dyDescent="0.15">
      <c r="A99" s="272"/>
      <c r="B99" s="232"/>
      <c r="C99" s="232"/>
      <c r="D99" s="233"/>
      <c r="I99" s="482" t="s">
        <v>552</v>
      </c>
      <c r="J99" s="483"/>
      <c r="K99" s="483"/>
      <c r="L99" s="484"/>
      <c r="M99" s="138" t="s">
        <v>54</v>
      </c>
      <c r="N99" s="208" t="s">
        <v>567</v>
      </c>
      <c r="O99" s="208"/>
      <c r="P99" s="208"/>
      <c r="Q99" s="208"/>
      <c r="R99" s="98"/>
      <c r="S99" s="208"/>
      <c r="T99" s="303"/>
      <c r="U99" s="98"/>
      <c r="V99" s="208"/>
      <c r="W99" s="208"/>
      <c r="X99" s="98"/>
      <c r="Y99" s="239"/>
      <c r="Z99" s="208"/>
      <c r="AA99" s="208"/>
      <c r="AB99" s="208"/>
      <c r="AC99" s="208"/>
      <c r="AD99" s="208"/>
      <c r="AE99" s="206"/>
      <c r="AF99" s="206"/>
      <c r="AG99" s="217"/>
      <c r="AH99" s="146" t="s">
        <v>7</v>
      </c>
      <c r="AI99" s="92" t="s">
        <v>545</v>
      </c>
      <c r="AJ99" s="92"/>
      <c r="AK99" s="92"/>
      <c r="AL99" s="357"/>
      <c r="AM99" s="356"/>
      <c r="AN99"/>
      <c r="AO99" s="357"/>
    </row>
    <row r="100" spans="1:41" ht="15.95" customHeight="1" x14ac:dyDescent="0.15">
      <c r="A100" s="537" t="s">
        <v>565</v>
      </c>
      <c r="B100" s="538"/>
      <c r="C100" s="538"/>
      <c r="D100" s="539"/>
      <c r="I100" s="446" t="s">
        <v>568</v>
      </c>
      <c r="J100" s="543"/>
      <c r="K100" s="543"/>
      <c r="L100" s="544"/>
      <c r="M100" s="146" t="s">
        <v>54</v>
      </c>
      <c r="N100" s="103" t="s">
        <v>569</v>
      </c>
      <c r="O100" s="103"/>
      <c r="P100" s="103"/>
      <c r="Q100" s="103"/>
      <c r="R100" s="103"/>
      <c r="S100" s="103"/>
      <c r="T100" s="103"/>
      <c r="U100" s="92"/>
      <c r="V100" s="103"/>
      <c r="W100" s="103"/>
      <c r="X100" s="103"/>
      <c r="Y100" s="103"/>
      <c r="Z100" s="102"/>
      <c r="AA100" s="103"/>
      <c r="AB100" s="103"/>
      <c r="AC100" s="103"/>
      <c r="AD100" s="103"/>
      <c r="AE100" s="102"/>
      <c r="AF100" s="102"/>
      <c r="AG100" s="152"/>
      <c r="AH100" s="146" t="s">
        <v>7</v>
      </c>
      <c r="AI100" s="92" t="s">
        <v>784</v>
      </c>
      <c r="AJ100" s="92"/>
      <c r="AK100" s="92"/>
      <c r="AL100" s="357"/>
      <c r="AM100" s="356"/>
      <c r="AN100"/>
      <c r="AO100" s="357"/>
    </row>
    <row r="101" spans="1:41" ht="15.95" customHeight="1" x14ac:dyDescent="0.15">
      <c r="A101" s="537"/>
      <c r="B101" s="538"/>
      <c r="C101" s="538"/>
      <c r="D101" s="539"/>
      <c r="I101" s="222"/>
      <c r="J101" s="223"/>
      <c r="K101" s="223"/>
      <c r="L101" s="224"/>
      <c r="M101" s="264"/>
      <c r="N101" s="128" t="s">
        <v>570</v>
      </c>
      <c r="O101" s="128"/>
      <c r="P101" s="128"/>
      <c r="Q101" s="128"/>
      <c r="R101" s="128"/>
      <c r="S101" s="128"/>
      <c r="T101" s="128"/>
      <c r="U101" s="128"/>
      <c r="V101" s="128"/>
      <c r="W101" s="128"/>
      <c r="X101" s="128"/>
      <c r="Y101" s="160"/>
      <c r="Z101" s="128"/>
      <c r="AA101" s="128"/>
      <c r="AB101" s="128"/>
      <c r="AC101" s="128"/>
      <c r="AD101" s="128"/>
      <c r="AE101" s="160"/>
      <c r="AF101" s="160"/>
      <c r="AG101" s="161"/>
      <c r="AH101" s="146" t="s">
        <v>7</v>
      </c>
      <c r="AI101" s="92"/>
      <c r="AJ101" s="92"/>
      <c r="AK101" s="92"/>
      <c r="AL101" s="145"/>
      <c r="AM101" s="148"/>
      <c r="AN101" s="92"/>
      <c r="AO101" s="145"/>
    </row>
    <row r="102" spans="1:41" ht="15.95" customHeight="1" x14ac:dyDescent="0.15">
      <c r="A102" s="534"/>
      <c r="B102" s="535"/>
      <c r="C102" s="535"/>
      <c r="D102" s="536"/>
      <c r="I102" s="482" t="s">
        <v>571</v>
      </c>
      <c r="J102" s="483"/>
      <c r="K102" s="483"/>
      <c r="L102" s="484"/>
      <c r="M102" s="138" t="s">
        <v>54</v>
      </c>
      <c r="N102" s="208" t="s">
        <v>572</v>
      </c>
      <c r="O102" s="208"/>
      <c r="P102" s="208"/>
      <c r="Q102" s="307"/>
      <c r="R102" s="307"/>
      <c r="S102" s="307"/>
      <c r="T102" s="307"/>
      <c r="U102" s="240"/>
      <c r="V102" s="240"/>
      <c r="W102" s="240"/>
      <c r="X102" s="240"/>
      <c r="Y102" s="240"/>
      <c r="Z102" s="240"/>
      <c r="AA102" s="240"/>
      <c r="AB102" s="240"/>
      <c r="AC102" s="240"/>
      <c r="AD102" s="240"/>
      <c r="AE102" s="206"/>
      <c r="AF102" s="206"/>
      <c r="AG102" s="217"/>
      <c r="AH102" s="148"/>
      <c r="AI102" s="92"/>
      <c r="AJ102" s="92"/>
      <c r="AK102" s="92"/>
      <c r="AL102" s="145"/>
      <c r="AM102" s="148"/>
      <c r="AN102" s="92"/>
      <c r="AO102" s="145"/>
    </row>
    <row r="103" spans="1:41" ht="15.95" customHeight="1" x14ac:dyDescent="0.15">
      <c r="A103" s="534"/>
      <c r="B103" s="535"/>
      <c r="C103" s="535"/>
      <c r="D103" s="536"/>
      <c r="I103" s="446" t="s">
        <v>573</v>
      </c>
      <c r="J103" s="543"/>
      <c r="K103" s="543"/>
      <c r="L103" s="544"/>
      <c r="M103" s="148"/>
      <c r="N103" s="103" t="s">
        <v>574</v>
      </c>
      <c r="O103" s="103"/>
      <c r="P103" s="103"/>
      <c r="Q103" s="101"/>
      <c r="R103" s="101"/>
      <c r="S103" s="101"/>
      <c r="T103" s="101"/>
      <c r="U103" s="92"/>
      <c r="V103" s="103"/>
      <c r="W103" s="102"/>
      <c r="X103" s="102"/>
      <c r="Y103" s="102"/>
      <c r="Z103" s="102"/>
      <c r="AA103" s="102"/>
      <c r="AB103" s="102"/>
      <c r="AC103" s="102"/>
      <c r="AD103" s="102"/>
      <c r="AE103" s="102"/>
      <c r="AF103" s="102"/>
      <c r="AG103" s="152"/>
      <c r="AH103" s="148"/>
      <c r="AI103" s="92"/>
      <c r="AJ103" s="92"/>
      <c r="AK103" s="92"/>
      <c r="AL103" s="145"/>
      <c r="AM103" s="148"/>
      <c r="AN103" s="92"/>
      <c r="AO103" s="145"/>
    </row>
    <row r="104" spans="1:41" ht="15.95" customHeight="1" x14ac:dyDescent="0.15">
      <c r="A104" s="352"/>
      <c r="D104" s="362"/>
      <c r="I104" s="446"/>
      <c r="J104" s="543"/>
      <c r="K104" s="543"/>
      <c r="L104" s="544"/>
      <c r="M104" s="148"/>
      <c r="N104" s="103" t="s">
        <v>575</v>
      </c>
      <c r="O104" s="103"/>
      <c r="P104" s="103"/>
      <c r="Q104" s="101"/>
      <c r="R104" s="101"/>
      <c r="S104" s="101"/>
      <c r="T104" s="101"/>
      <c r="U104" s="103"/>
      <c r="V104" s="103"/>
      <c r="W104" s="102"/>
      <c r="X104" s="102"/>
      <c r="Y104" s="102"/>
      <c r="Z104" s="103"/>
      <c r="AA104" s="102"/>
      <c r="AB104" s="103"/>
      <c r="AC104" s="103"/>
      <c r="AD104" s="103"/>
      <c r="AE104" s="102"/>
      <c r="AF104" s="102"/>
      <c r="AG104" s="152"/>
      <c r="AH104" s="148"/>
      <c r="AI104" s="92"/>
      <c r="AJ104" s="92"/>
      <c r="AK104" s="92"/>
      <c r="AL104" s="145"/>
      <c r="AM104" s="148"/>
      <c r="AN104" s="92"/>
      <c r="AO104" s="145"/>
    </row>
    <row r="105" spans="1:41" ht="15.95" customHeight="1" x14ac:dyDescent="0.15">
      <c r="A105" s="352"/>
      <c r="D105" s="362"/>
      <c r="I105" s="304"/>
      <c r="J105" s="305"/>
      <c r="K105" s="305"/>
      <c r="L105" s="306"/>
      <c r="M105" s="167" t="s">
        <v>54</v>
      </c>
      <c r="N105" s="97" t="s">
        <v>576</v>
      </c>
      <c r="O105" s="97"/>
      <c r="P105" s="97"/>
      <c r="Q105" s="95"/>
      <c r="R105" s="95"/>
      <c r="S105" s="95"/>
      <c r="T105" s="95"/>
      <c r="U105" s="97"/>
      <c r="V105" s="97"/>
      <c r="W105" s="96"/>
      <c r="X105" s="96"/>
      <c r="Y105" s="96"/>
      <c r="Z105" s="97"/>
      <c r="AA105" s="96"/>
      <c r="AB105" s="97"/>
      <c r="AC105" s="97"/>
      <c r="AD105" s="97"/>
      <c r="AE105" s="96"/>
      <c r="AF105" s="96"/>
      <c r="AG105" s="259"/>
      <c r="AH105" s="148"/>
      <c r="AI105" s="92"/>
      <c r="AJ105" s="92"/>
      <c r="AK105" s="92"/>
      <c r="AL105" s="145"/>
      <c r="AM105" s="148"/>
      <c r="AN105" s="92"/>
      <c r="AO105" s="145"/>
    </row>
    <row r="106" spans="1:41" ht="15.95" customHeight="1" x14ac:dyDescent="0.15">
      <c r="A106" s="352"/>
      <c r="D106" s="362"/>
      <c r="I106" s="482" t="s">
        <v>577</v>
      </c>
      <c r="J106" s="499"/>
      <c r="K106" s="499"/>
      <c r="L106" s="500"/>
      <c r="M106" s="138" t="s">
        <v>54</v>
      </c>
      <c r="N106" s="208" t="s">
        <v>578</v>
      </c>
      <c r="O106" s="208"/>
      <c r="P106" s="208"/>
      <c r="Q106" s="307"/>
      <c r="R106" s="307"/>
      <c r="S106" s="307"/>
      <c r="T106" s="307"/>
      <c r="U106" s="208"/>
      <c r="V106" s="208"/>
      <c r="W106" s="208"/>
      <c r="X106" s="208"/>
      <c r="Y106" s="208"/>
      <c r="Z106" s="208"/>
      <c r="AA106" s="208"/>
      <c r="AB106" s="208"/>
      <c r="AC106" s="208"/>
      <c r="AD106" s="208"/>
      <c r="AE106" s="206"/>
      <c r="AF106" s="206"/>
      <c r="AG106" s="217"/>
      <c r="AH106" s="148"/>
      <c r="AI106" s="92"/>
      <c r="AJ106" s="92"/>
      <c r="AK106" s="92"/>
      <c r="AL106" s="145"/>
      <c r="AM106" s="148"/>
      <c r="AN106" s="92"/>
      <c r="AO106" s="145"/>
    </row>
    <row r="107" spans="1:41" ht="15.95" customHeight="1" x14ac:dyDescent="0.15">
      <c r="A107" s="352"/>
      <c r="D107" s="362"/>
      <c r="I107" s="528" t="s">
        <v>579</v>
      </c>
      <c r="J107" s="450"/>
      <c r="K107" s="450"/>
      <c r="L107" s="451"/>
      <c r="M107" s="148"/>
      <c r="N107" s="103" t="s">
        <v>580</v>
      </c>
      <c r="O107" s="103"/>
      <c r="P107" s="103"/>
      <c r="Q107" s="101"/>
      <c r="R107" s="101"/>
      <c r="S107" s="101"/>
      <c r="T107" s="101"/>
      <c r="U107" s="156"/>
      <c r="V107" s="156"/>
      <c r="W107" s="156"/>
      <c r="X107" s="156"/>
      <c r="Y107" s="156"/>
      <c r="Z107" s="156"/>
      <c r="AA107" s="156"/>
      <c r="AB107" s="156"/>
      <c r="AC107" s="156"/>
      <c r="AD107" s="156"/>
      <c r="AE107" s="102"/>
      <c r="AF107" s="102"/>
      <c r="AG107" s="152"/>
      <c r="AH107" s="148"/>
      <c r="AI107" s="92"/>
      <c r="AJ107" s="92"/>
      <c r="AK107" s="92"/>
      <c r="AL107" s="145"/>
      <c r="AM107" s="148"/>
      <c r="AN107" s="92"/>
      <c r="AO107" s="145"/>
    </row>
    <row r="108" spans="1:41" ht="15.95" customHeight="1" x14ac:dyDescent="0.15">
      <c r="A108" s="352"/>
      <c r="D108" s="362"/>
      <c r="I108" s="548"/>
      <c r="J108" s="549"/>
      <c r="K108" s="549"/>
      <c r="L108" s="550"/>
      <c r="M108" s="146" t="s">
        <v>54</v>
      </c>
      <c r="N108" s="103" t="s">
        <v>581</v>
      </c>
      <c r="O108" s="103"/>
      <c r="P108" s="103"/>
      <c r="Q108" s="103"/>
      <c r="R108" s="103"/>
      <c r="S108" s="103"/>
      <c r="T108" s="103"/>
      <c r="U108" s="194"/>
      <c r="V108" s="194"/>
      <c r="W108" s="194"/>
      <c r="X108" s="194"/>
      <c r="Y108" s="194"/>
      <c r="Z108" s="194"/>
      <c r="AA108" s="194"/>
      <c r="AB108" s="194"/>
      <c r="AC108" s="194"/>
      <c r="AD108" s="194"/>
      <c r="AE108" s="102"/>
      <c r="AF108" s="102"/>
      <c r="AG108" s="152"/>
      <c r="AH108" s="148"/>
      <c r="AI108" s="92"/>
      <c r="AJ108" s="92"/>
      <c r="AK108" s="92"/>
      <c r="AL108" s="145"/>
      <c r="AM108" s="148"/>
      <c r="AN108" s="92"/>
      <c r="AO108" s="145"/>
    </row>
    <row r="109" spans="1:41" ht="15.95" customHeight="1" x14ac:dyDescent="0.15">
      <c r="A109" s="352"/>
      <c r="D109" s="362"/>
      <c r="I109" s="545"/>
      <c r="J109" s="546"/>
      <c r="K109" s="546"/>
      <c r="L109" s="547"/>
      <c r="M109" s="167" t="s">
        <v>54</v>
      </c>
      <c r="N109" s="97" t="s">
        <v>582</v>
      </c>
      <c r="O109" s="97"/>
      <c r="P109" s="97"/>
      <c r="Q109" s="97"/>
      <c r="R109" s="97"/>
      <c r="S109" s="97"/>
      <c r="T109" s="97"/>
      <c r="U109" s="97"/>
      <c r="V109" s="97"/>
      <c r="W109" s="97"/>
      <c r="X109" s="97"/>
      <c r="Y109" s="97"/>
      <c r="Z109" s="97"/>
      <c r="AA109" s="97"/>
      <c r="AB109" s="96"/>
      <c r="AC109" s="96"/>
      <c r="AD109" s="96"/>
      <c r="AE109" s="96"/>
      <c r="AF109" s="96"/>
      <c r="AG109" s="259"/>
      <c r="AH109" s="148"/>
      <c r="AI109" s="92"/>
      <c r="AJ109" s="92"/>
      <c r="AK109" s="92"/>
      <c r="AL109" s="145"/>
      <c r="AM109" s="148"/>
      <c r="AN109" s="92"/>
      <c r="AO109" s="145"/>
    </row>
    <row r="110" spans="1:41" ht="15.95" customHeight="1" x14ac:dyDescent="0.15">
      <c r="A110" s="352"/>
      <c r="D110" s="362"/>
      <c r="I110" s="528" t="s">
        <v>583</v>
      </c>
      <c r="J110" s="529"/>
      <c r="K110" s="529"/>
      <c r="L110" s="530"/>
      <c r="M110" s="146" t="s">
        <v>54</v>
      </c>
      <c r="N110" s="103" t="s">
        <v>584</v>
      </c>
      <c r="O110" s="103"/>
      <c r="P110" s="103"/>
      <c r="Q110" s="103"/>
      <c r="R110" s="103"/>
      <c r="S110" s="103"/>
      <c r="T110" s="103"/>
      <c r="U110" s="156"/>
      <c r="V110" s="156"/>
      <c r="W110" s="156"/>
      <c r="X110" s="156"/>
      <c r="Y110" s="156"/>
      <c r="Z110" s="156"/>
      <c r="AA110" s="156"/>
      <c r="AB110" s="156"/>
      <c r="AC110" s="156"/>
      <c r="AD110" s="156"/>
      <c r="AE110" s="102"/>
      <c r="AF110" s="102"/>
      <c r="AG110" s="152"/>
      <c r="AH110" s="146"/>
      <c r="AI110" s="92"/>
      <c r="AJ110" s="92"/>
      <c r="AK110" s="92"/>
      <c r="AL110" s="145"/>
      <c r="AM110" s="148"/>
      <c r="AN110" s="92"/>
      <c r="AO110" s="145"/>
    </row>
    <row r="111" spans="1:41" ht="15.95" customHeight="1" x14ac:dyDescent="0.15">
      <c r="A111" s="352"/>
      <c r="D111" s="362"/>
      <c r="I111" s="528" t="s">
        <v>585</v>
      </c>
      <c r="J111" s="477"/>
      <c r="K111" s="477"/>
      <c r="L111" s="478"/>
      <c r="M111" s="173"/>
      <c r="N111" s="103" t="s">
        <v>586</v>
      </c>
      <c r="O111" s="103"/>
      <c r="P111" s="103"/>
      <c r="Q111" s="103"/>
      <c r="R111" s="103"/>
      <c r="S111" s="103"/>
      <c r="T111" s="156"/>
      <c r="U111" s="156"/>
      <c r="V111" s="156"/>
      <c r="W111" s="156"/>
      <c r="X111" s="156"/>
      <c r="Y111" s="156"/>
      <c r="Z111" s="156"/>
      <c r="AA111" s="156"/>
      <c r="AB111" s="156"/>
      <c r="AC111" s="156"/>
      <c r="AD111" s="156"/>
      <c r="AE111" s="102"/>
      <c r="AF111" s="102"/>
      <c r="AG111" s="152"/>
      <c r="AH111" s="146"/>
      <c r="AI111" s="92"/>
      <c r="AJ111" s="92"/>
      <c r="AK111" s="92"/>
      <c r="AL111" s="145"/>
      <c r="AM111" s="148"/>
      <c r="AN111" s="92"/>
      <c r="AO111" s="145"/>
    </row>
    <row r="112" spans="1:41" ht="15.95" customHeight="1" x14ac:dyDescent="0.15">
      <c r="A112" s="352"/>
      <c r="D112" s="362"/>
      <c r="I112" s="222"/>
      <c r="J112" s="214"/>
      <c r="K112" s="214"/>
      <c r="L112" s="215"/>
      <c r="M112" s="146" t="s">
        <v>54</v>
      </c>
      <c r="N112" s="103" t="s">
        <v>587</v>
      </c>
      <c r="O112" s="103"/>
      <c r="P112" s="103"/>
      <c r="Q112" s="103"/>
      <c r="R112" s="103"/>
      <c r="S112" s="103"/>
      <c r="T112" s="103"/>
      <c r="U112" s="156"/>
      <c r="V112" s="156"/>
      <c r="W112" s="156"/>
      <c r="X112" s="156"/>
      <c r="Y112" s="156"/>
      <c r="Z112" s="156"/>
      <c r="AA112" s="156"/>
      <c r="AB112" s="156"/>
      <c r="AC112" s="156"/>
      <c r="AD112" s="156"/>
      <c r="AE112" s="102"/>
      <c r="AF112" s="102"/>
      <c r="AG112" s="152"/>
      <c r="AH112" s="148"/>
      <c r="AI112" s="92"/>
      <c r="AJ112" s="92"/>
      <c r="AK112" s="92"/>
      <c r="AL112" s="145"/>
      <c r="AM112" s="148"/>
      <c r="AN112" s="92"/>
      <c r="AO112" s="145"/>
    </row>
    <row r="113" spans="1:41" ht="15.95" customHeight="1" x14ac:dyDescent="0.15">
      <c r="A113" s="358"/>
      <c r="B113" s="359"/>
      <c r="C113" s="359"/>
      <c r="D113" s="372"/>
      <c r="E113" s="359"/>
      <c r="F113" s="359"/>
      <c r="G113" s="359"/>
      <c r="H113" s="359"/>
      <c r="I113" s="308"/>
      <c r="J113" s="245"/>
      <c r="K113" s="245"/>
      <c r="L113" s="246"/>
      <c r="M113" s="167" t="s">
        <v>54</v>
      </c>
      <c r="N113" s="551" t="s">
        <v>582</v>
      </c>
      <c r="O113" s="551"/>
      <c r="P113" s="551"/>
      <c r="Q113" s="551"/>
      <c r="R113" s="551"/>
      <c r="S113" s="551"/>
      <c r="T113" s="551"/>
      <c r="U113" s="551"/>
      <c r="V113" s="551"/>
      <c r="W113" s="551"/>
      <c r="X113" s="551"/>
      <c r="Y113" s="551"/>
      <c r="Z113" s="551"/>
      <c r="AA113" s="551"/>
      <c r="AB113" s="551"/>
      <c r="AC113" s="551"/>
      <c r="AD113" s="551"/>
      <c r="AE113" s="551"/>
      <c r="AF113" s="105"/>
      <c r="AG113" s="170"/>
      <c r="AH113" s="169"/>
      <c r="AI113" s="105"/>
      <c r="AJ113" s="105"/>
      <c r="AK113" s="105"/>
      <c r="AL113" s="170"/>
      <c r="AM113" s="169"/>
      <c r="AN113" s="105"/>
      <c r="AO113" s="170"/>
    </row>
    <row r="114" spans="1:41" ht="15.95" customHeight="1" x14ac:dyDescent="0.15">
      <c r="A114" s="452" t="s">
        <v>55</v>
      </c>
      <c r="B114" s="453"/>
      <c r="C114" s="453"/>
      <c r="D114" s="453"/>
      <c r="E114" s="437" t="s">
        <v>56</v>
      </c>
      <c r="F114" s="438"/>
      <c r="G114" s="438"/>
      <c r="H114" s="439"/>
      <c r="I114" s="459" t="s">
        <v>57</v>
      </c>
      <c r="J114" s="459"/>
      <c r="K114" s="459"/>
      <c r="L114" s="459"/>
      <c r="M114" s="459"/>
      <c r="N114" s="459"/>
      <c r="O114" s="459"/>
      <c r="P114" s="459"/>
      <c r="Q114" s="459"/>
      <c r="R114" s="459"/>
      <c r="S114" s="459"/>
      <c r="T114" s="459"/>
      <c r="U114" s="459"/>
      <c r="V114" s="459"/>
      <c r="W114" s="459"/>
      <c r="X114" s="459"/>
      <c r="Y114" s="459"/>
      <c r="Z114" s="459"/>
      <c r="AA114" s="459"/>
      <c r="AB114" s="459"/>
      <c r="AC114" s="459"/>
      <c r="AD114" s="459"/>
      <c r="AE114" s="459"/>
      <c r="AF114" s="459"/>
      <c r="AG114" s="459"/>
      <c r="AH114" s="452" t="s">
        <v>59</v>
      </c>
      <c r="AI114" s="453"/>
      <c r="AJ114" s="453"/>
      <c r="AK114" s="453"/>
      <c r="AL114" s="454"/>
      <c r="AM114" s="453" t="s">
        <v>60</v>
      </c>
      <c r="AN114" s="453"/>
      <c r="AO114" s="454"/>
    </row>
    <row r="115" spans="1:41" ht="15.95" customHeight="1" x14ac:dyDescent="0.15">
      <c r="A115" s="455"/>
      <c r="B115" s="456"/>
      <c r="C115" s="456"/>
      <c r="D115" s="456"/>
      <c r="E115" s="461" t="s">
        <v>61</v>
      </c>
      <c r="F115" s="462"/>
      <c r="G115" s="462"/>
      <c r="H115" s="463"/>
      <c r="I115" s="465" t="s">
        <v>61</v>
      </c>
      <c r="J115" s="465"/>
      <c r="K115" s="465"/>
      <c r="L115" s="466"/>
      <c r="M115" s="452" t="s">
        <v>60</v>
      </c>
      <c r="N115" s="453"/>
      <c r="O115" s="453"/>
      <c r="P115" s="453"/>
      <c r="Q115" s="453"/>
      <c r="R115" s="453"/>
      <c r="S115" s="453"/>
      <c r="T115" s="453"/>
      <c r="U115" s="453"/>
      <c r="V115" s="453"/>
      <c r="W115" s="453"/>
      <c r="X115" s="453"/>
      <c r="Y115" s="453"/>
      <c r="Z115" s="453"/>
      <c r="AA115" s="453"/>
      <c r="AB115" s="453"/>
      <c r="AC115" s="453"/>
      <c r="AD115" s="453"/>
      <c r="AE115" s="453"/>
      <c r="AF115" s="453"/>
      <c r="AG115" s="453"/>
      <c r="AH115" s="455"/>
      <c r="AI115" s="456"/>
      <c r="AJ115" s="456"/>
      <c r="AK115" s="456"/>
      <c r="AL115" s="457"/>
      <c r="AM115" s="456" t="s">
        <v>62</v>
      </c>
      <c r="AN115" s="456"/>
      <c r="AO115" s="457"/>
    </row>
    <row r="116" spans="1:41" ht="15.95" customHeight="1" x14ac:dyDescent="0.15">
      <c r="A116" s="437" t="s">
        <v>311</v>
      </c>
      <c r="B116" s="438"/>
      <c r="C116" s="438"/>
      <c r="D116" s="439"/>
      <c r="E116" s="437" t="s">
        <v>596</v>
      </c>
      <c r="F116" s="438"/>
      <c r="G116" s="438"/>
      <c r="H116" s="439"/>
      <c r="I116" s="437" t="s">
        <v>596</v>
      </c>
      <c r="J116" s="499"/>
      <c r="K116" s="499"/>
      <c r="L116" s="500"/>
      <c r="M116" s="247" t="s">
        <v>597</v>
      </c>
      <c r="N116" s="208"/>
      <c r="O116" s="98"/>
      <c r="P116" s="207" t="s">
        <v>25</v>
      </c>
      <c r="Q116" s="476"/>
      <c r="R116" s="476"/>
      <c r="S116" s="476"/>
      <c r="T116" s="476"/>
      <c r="U116" s="476"/>
      <c r="V116" s="476"/>
      <c r="W116" s="476"/>
      <c r="X116" s="208" t="s">
        <v>337</v>
      </c>
      <c r="Y116" s="208"/>
      <c r="Z116" s="208"/>
      <c r="AA116" s="208"/>
      <c r="AB116" s="208"/>
      <c r="AC116" s="206"/>
      <c r="AD116" s="208"/>
      <c r="AE116" s="208"/>
      <c r="AF116" s="208"/>
      <c r="AG116" s="262"/>
      <c r="AH116" s="138" t="s">
        <v>7</v>
      </c>
      <c r="AI116" s="98" t="s">
        <v>363</v>
      </c>
      <c r="AJ116" s="98"/>
      <c r="AK116" s="98"/>
      <c r="AL116" s="98"/>
      <c r="AM116" s="263"/>
      <c r="AN116" s="114"/>
      <c r="AO116" s="99"/>
    </row>
    <row r="117" spans="1:41" ht="15.95" customHeight="1" x14ac:dyDescent="0.15">
      <c r="A117" s="449" t="s">
        <v>312</v>
      </c>
      <c r="B117" s="450"/>
      <c r="C117" s="450"/>
      <c r="D117" s="451"/>
      <c r="E117" s="148"/>
      <c r="F117" s="92"/>
      <c r="G117" s="92"/>
      <c r="H117" s="145"/>
      <c r="I117" s="461" t="s">
        <v>598</v>
      </c>
      <c r="J117" s="462"/>
      <c r="K117" s="462"/>
      <c r="L117" s="463"/>
      <c r="M117" s="219"/>
      <c r="N117" s="105"/>
      <c r="O117" s="105"/>
      <c r="P117" s="105"/>
      <c r="Q117" s="116"/>
      <c r="R117" s="116"/>
      <c r="S117" s="97"/>
      <c r="T117" s="97"/>
      <c r="U117" s="97"/>
      <c r="V117" s="97"/>
      <c r="W117" s="97"/>
      <c r="X117" s="97"/>
      <c r="Y117" s="97"/>
      <c r="Z117" s="97"/>
      <c r="AA117" s="97"/>
      <c r="AB117" s="97"/>
      <c r="AC117" s="96"/>
      <c r="AD117" s="97"/>
      <c r="AE117" s="97"/>
      <c r="AF117" s="97"/>
      <c r="AG117" s="191"/>
      <c r="AH117" s="146" t="s">
        <v>7</v>
      </c>
      <c r="AI117" s="92" t="s">
        <v>278</v>
      </c>
      <c r="AJ117" s="91"/>
      <c r="AK117" s="91"/>
      <c r="AL117" s="91"/>
      <c r="AM117" s="149"/>
      <c r="AN117" s="91"/>
      <c r="AO117" s="104"/>
    </row>
    <row r="118" spans="1:41" ht="15.95" customHeight="1" x14ac:dyDescent="0.15">
      <c r="A118" s="449" t="s">
        <v>599</v>
      </c>
      <c r="B118" s="450"/>
      <c r="C118" s="450"/>
      <c r="D118" s="450"/>
      <c r="E118" s="148"/>
      <c r="F118" s="92"/>
      <c r="G118" s="92"/>
      <c r="H118" s="145"/>
      <c r="I118" s="437" t="s">
        <v>600</v>
      </c>
      <c r="J118" s="438"/>
      <c r="K118" s="438"/>
      <c r="L118" s="439"/>
      <c r="M118" s="108" t="s">
        <v>66</v>
      </c>
      <c r="N118" s="92" t="s">
        <v>601</v>
      </c>
      <c r="O118" s="92"/>
      <c r="P118" s="92"/>
      <c r="Q118" s="91"/>
      <c r="R118" s="91"/>
      <c r="S118" s="103"/>
      <c r="T118" s="103"/>
      <c r="U118" s="103"/>
      <c r="V118" s="175" t="s">
        <v>25</v>
      </c>
      <c r="W118" s="479"/>
      <c r="X118" s="479"/>
      <c r="Y118" s="479"/>
      <c r="Z118" s="479"/>
      <c r="AA118" s="479"/>
      <c r="AB118" s="479"/>
      <c r="AC118" s="479"/>
      <c r="AD118" s="103" t="s">
        <v>337</v>
      </c>
      <c r="AE118" s="103"/>
      <c r="AF118" s="103"/>
      <c r="AG118" s="251"/>
      <c r="AH118" s="146" t="s">
        <v>7</v>
      </c>
      <c r="AI118" s="92" t="s">
        <v>122</v>
      </c>
      <c r="AJ118" s="91"/>
      <c r="AK118" s="91"/>
      <c r="AL118" s="91"/>
      <c r="AM118" s="149"/>
      <c r="AN118" s="91"/>
      <c r="AO118" s="104"/>
    </row>
    <row r="119" spans="1:41" ht="15.95" customHeight="1" x14ac:dyDescent="0.15">
      <c r="A119" s="149"/>
      <c r="B119" s="91"/>
      <c r="C119" s="91"/>
      <c r="D119" s="91"/>
      <c r="E119" s="148"/>
      <c r="F119" s="92"/>
      <c r="G119" s="92"/>
      <c r="H119" s="145"/>
      <c r="I119" s="449" t="s">
        <v>602</v>
      </c>
      <c r="J119" s="450"/>
      <c r="K119" s="450"/>
      <c r="L119" s="451"/>
      <c r="M119" s="151" t="s">
        <v>54</v>
      </c>
      <c r="N119" s="103" t="s">
        <v>603</v>
      </c>
      <c r="O119" s="103"/>
      <c r="P119" s="124"/>
      <c r="Q119" s="103"/>
      <c r="R119" s="151" t="s">
        <v>54</v>
      </c>
      <c r="S119" s="103" t="s">
        <v>604</v>
      </c>
      <c r="T119" s="124"/>
      <c r="U119" s="103"/>
      <c r="V119" s="151" t="s">
        <v>54</v>
      </c>
      <c r="W119" s="103" t="s">
        <v>605</v>
      </c>
      <c r="X119" s="103"/>
      <c r="Y119" s="103"/>
      <c r="Z119" s="103"/>
      <c r="AA119" s="103"/>
      <c r="AB119" s="103"/>
      <c r="AC119" s="102"/>
      <c r="AD119" s="103"/>
      <c r="AE119" s="103"/>
      <c r="AF119" s="103"/>
      <c r="AG119" s="251"/>
      <c r="AH119" s="146" t="s">
        <v>7</v>
      </c>
      <c r="AI119" s="92"/>
      <c r="AJ119" s="91"/>
      <c r="AK119" s="91"/>
      <c r="AL119" s="91"/>
      <c r="AM119" s="149"/>
      <c r="AN119" s="91"/>
      <c r="AO119" s="104"/>
    </row>
    <row r="120" spans="1:41" ht="15.95" customHeight="1" x14ac:dyDescent="0.15">
      <c r="A120" s="146"/>
      <c r="B120" s="232"/>
      <c r="C120" s="232"/>
      <c r="D120" s="233"/>
      <c r="E120" s="169"/>
      <c r="F120" s="105"/>
      <c r="G120" s="105"/>
      <c r="H120" s="170"/>
      <c r="I120" s="461" t="s">
        <v>606</v>
      </c>
      <c r="J120" s="462"/>
      <c r="K120" s="462"/>
      <c r="L120" s="463"/>
      <c r="M120" s="116"/>
      <c r="N120" s="105"/>
      <c r="O120" s="92"/>
      <c r="P120" s="92"/>
      <c r="Q120" s="91"/>
      <c r="R120" s="91"/>
      <c r="S120" s="103"/>
      <c r="T120" s="103"/>
      <c r="U120" s="103"/>
      <c r="V120" s="103"/>
      <c r="W120" s="103"/>
      <c r="X120" s="103"/>
      <c r="Y120" s="103"/>
      <c r="Z120" s="103"/>
      <c r="AA120" s="103"/>
      <c r="AB120" s="103"/>
      <c r="AC120" s="102"/>
      <c r="AD120" s="103"/>
      <c r="AE120" s="103"/>
      <c r="AF120" s="103"/>
      <c r="AG120" s="191"/>
      <c r="AH120" s="167"/>
      <c r="AI120" s="105"/>
      <c r="AJ120" s="116"/>
      <c r="AK120" s="116"/>
      <c r="AL120" s="116"/>
      <c r="AM120" s="219"/>
      <c r="AN120" s="116"/>
      <c r="AO120" s="106"/>
    </row>
    <row r="121" spans="1:41" ht="15.95" customHeight="1" x14ac:dyDescent="0.15">
      <c r="A121" s="121"/>
      <c r="B121" s="232"/>
      <c r="C121" s="232"/>
      <c r="D121" s="233"/>
      <c r="E121" s="449" t="s">
        <v>607</v>
      </c>
      <c r="F121" s="450"/>
      <c r="G121" s="450"/>
      <c r="H121" s="451"/>
      <c r="I121" s="247" t="s">
        <v>608</v>
      </c>
      <c r="J121" s="208"/>
      <c r="K121" s="208"/>
      <c r="L121" s="262"/>
      <c r="M121" s="120" t="s">
        <v>66</v>
      </c>
      <c r="N121" s="98" t="s">
        <v>609</v>
      </c>
      <c r="O121" s="98"/>
      <c r="P121" s="98" t="s">
        <v>25</v>
      </c>
      <c r="Q121" s="476"/>
      <c r="R121" s="476"/>
      <c r="S121" s="476"/>
      <c r="T121" s="208" t="s">
        <v>337</v>
      </c>
      <c r="U121" s="208"/>
      <c r="V121" s="208" t="s">
        <v>66</v>
      </c>
      <c r="W121" s="208" t="s">
        <v>610</v>
      </c>
      <c r="X121" s="208"/>
      <c r="Y121" s="98" t="s">
        <v>25</v>
      </c>
      <c r="Z121" s="476"/>
      <c r="AA121" s="476"/>
      <c r="AB121" s="476"/>
      <c r="AC121" s="208" t="s">
        <v>337</v>
      </c>
      <c r="AD121" s="208"/>
      <c r="AE121" s="208"/>
      <c r="AF121" s="208"/>
      <c r="AG121" s="262"/>
      <c r="AH121" s="138" t="s">
        <v>7</v>
      </c>
      <c r="AI121" s="98" t="s">
        <v>278</v>
      </c>
      <c r="AJ121" s="114"/>
      <c r="AK121" s="114"/>
      <c r="AL121" s="114"/>
      <c r="AM121" s="263"/>
      <c r="AN121" s="114"/>
      <c r="AO121" s="99"/>
    </row>
    <row r="122" spans="1:41" ht="15.95" customHeight="1" x14ac:dyDescent="0.15">
      <c r="A122" s="149"/>
      <c r="B122" s="232"/>
      <c r="C122" s="232"/>
      <c r="D122" s="233"/>
      <c r="E122" s="148"/>
      <c r="F122" s="92"/>
      <c r="G122" s="92"/>
      <c r="H122" s="145"/>
      <c r="I122" s="243"/>
      <c r="J122" s="97"/>
      <c r="K122" s="97"/>
      <c r="L122" s="191"/>
      <c r="M122" s="127" t="s">
        <v>66</v>
      </c>
      <c r="N122" s="105" t="s">
        <v>611</v>
      </c>
      <c r="O122" s="105"/>
      <c r="P122" s="105" t="s">
        <v>25</v>
      </c>
      <c r="Q122" s="116"/>
      <c r="R122" s="116"/>
      <c r="S122" s="97"/>
      <c r="T122" s="97"/>
      <c r="U122" s="97"/>
      <c r="V122" s="97" t="s">
        <v>612</v>
      </c>
      <c r="W122" s="97"/>
      <c r="X122" s="97"/>
      <c r="Y122" s="97"/>
      <c r="Z122" s="97"/>
      <c r="AA122" s="97"/>
      <c r="AB122" s="97"/>
      <c r="AC122" s="253" t="s">
        <v>26</v>
      </c>
      <c r="AD122" s="97"/>
      <c r="AE122" s="97"/>
      <c r="AF122" s="97"/>
      <c r="AG122" s="191"/>
      <c r="AH122" s="146" t="s">
        <v>7</v>
      </c>
      <c r="AI122" s="92" t="s">
        <v>613</v>
      </c>
      <c r="AJ122" s="91"/>
      <c r="AK122" s="91"/>
      <c r="AL122" s="91"/>
      <c r="AM122" s="149"/>
      <c r="AN122" s="91"/>
      <c r="AO122" s="104"/>
    </row>
    <row r="123" spans="1:41" ht="15.95" customHeight="1" x14ac:dyDescent="0.15">
      <c r="A123" s="149"/>
      <c r="B123" s="255"/>
      <c r="C123" s="255"/>
      <c r="D123" s="256"/>
      <c r="E123" s="148"/>
      <c r="F123" s="92"/>
      <c r="G123" s="92"/>
      <c r="H123" s="145"/>
      <c r="I123" s="247" t="s">
        <v>614</v>
      </c>
      <c r="J123" s="208"/>
      <c r="K123" s="208"/>
      <c r="L123" s="262"/>
      <c r="M123" s="120" t="s">
        <v>66</v>
      </c>
      <c r="N123" s="98" t="s">
        <v>615</v>
      </c>
      <c r="O123" s="98"/>
      <c r="P123" s="98"/>
      <c r="Q123" s="114" t="s">
        <v>25</v>
      </c>
      <c r="R123" s="114"/>
      <c r="S123" s="208"/>
      <c r="T123" s="208"/>
      <c r="U123" s="208"/>
      <c r="V123" s="208"/>
      <c r="W123" s="208"/>
      <c r="X123" s="208"/>
      <c r="Y123" s="208"/>
      <c r="Z123" s="208"/>
      <c r="AA123" s="208"/>
      <c r="AB123" s="208"/>
      <c r="AC123" s="208" t="s">
        <v>337</v>
      </c>
      <c r="AD123" s="208"/>
      <c r="AE123" s="208"/>
      <c r="AF123" s="208"/>
      <c r="AG123" s="262"/>
      <c r="AH123" s="124"/>
      <c r="AI123" s="92"/>
      <c r="AJ123" s="91"/>
      <c r="AK123" s="91"/>
      <c r="AL123" s="91"/>
      <c r="AM123" s="149"/>
      <c r="AN123" s="91"/>
      <c r="AO123" s="104"/>
    </row>
    <row r="124" spans="1:41" ht="15.95" customHeight="1" x14ac:dyDescent="0.15">
      <c r="A124" s="149"/>
      <c r="B124" s="255"/>
      <c r="C124" s="255"/>
      <c r="D124" s="256"/>
      <c r="E124" s="148"/>
      <c r="F124" s="92"/>
      <c r="G124" s="92"/>
      <c r="H124" s="145"/>
      <c r="I124" s="243"/>
      <c r="J124" s="97"/>
      <c r="K124" s="97"/>
      <c r="L124" s="191"/>
      <c r="M124" s="127" t="s">
        <v>66</v>
      </c>
      <c r="N124" s="105" t="s">
        <v>616</v>
      </c>
      <c r="O124" s="105"/>
      <c r="P124" s="105"/>
      <c r="Q124" s="116" t="s">
        <v>25</v>
      </c>
      <c r="R124" s="126" t="s">
        <v>54</v>
      </c>
      <c r="S124" s="97" t="s">
        <v>1</v>
      </c>
      <c r="T124" s="126" t="s">
        <v>7</v>
      </c>
      <c r="U124" s="97" t="s">
        <v>2</v>
      </c>
      <c r="V124" s="97" t="s">
        <v>26</v>
      </c>
      <c r="W124" s="97"/>
      <c r="X124" s="97"/>
      <c r="Y124" s="97"/>
      <c r="Z124" s="97"/>
      <c r="AA124" s="97"/>
      <c r="AB124" s="97"/>
      <c r="AC124" s="96"/>
      <c r="AD124" s="97"/>
      <c r="AE124" s="97"/>
      <c r="AF124" s="97"/>
      <c r="AG124" s="191"/>
      <c r="AH124" s="124"/>
      <c r="AI124" s="92"/>
      <c r="AJ124" s="91"/>
      <c r="AK124" s="91"/>
      <c r="AL124" s="91"/>
      <c r="AM124" s="149"/>
      <c r="AN124" s="91"/>
      <c r="AO124" s="104"/>
    </row>
    <row r="125" spans="1:41" ht="15.95" customHeight="1" x14ac:dyDescent="0.15">
      <c r="A125" s="149"/>
      <c r="B125" s="255"/>
      <c r="C125" s="255"/>
      <c r="D125" s="256"/>
      <c r="E125" s="148"/>
      <c r="F125" s="92"/>
      <c r="G125" s="92"/>
      <c r="H125" s="145"/>
      <c r="I125" s="247" t="s">
        <v>617</v>
      </c>
      <c r="J125" s="103"/>
      <c r="K125" s="103"/>
      <c r="L125" s="251"/>
      <c r="M125" s="120" t="s">
        <v>66</v>
      </c>
      <c r="N125" s="98" t="s">
        <v>618</v>
      </c>
      <c r="O125" s="92"/>
      <c r="P125" s="92"/>
      <c r="Q125" s="91"/>
      <c r="R125" s="91"/>
      <c r="S125" s="103"/>
      <c r="T125" s="103"/>
      <c r="U125" s="103"/>
      <c r="V125" s="103"/>
      <c r="W125" s="103"/>
      <c r="X125" s="103"/>
      <c r="Y125" s="103"/>
      <c r="Z125" s="103"/>
      <c r="AA125" s="103"/>
      <c r="AB125" s="103"/>
      <c r="AC125" s="102"/>
      <c r="AD125" s="103"/>
      <c r="AE125" s="103"/>
      <c r="AF125" s="103"/>
      <c r="AG125" s="251"/>
      <c r="AH125" s="124"/>
      <c r="AI125" s="92"/>
      <c r="AJ125" s="91"/>
      <c r="AK125" s="91"/>
      <c r="AL125" s="91"/>
      <c r="AM125" s="149"/>
      <c r="AN125" s="91"/>
      <c r="AO125" s="104"/>
    </row>
    <row r="126" spans="1:41" ht="15.95" customHeight="1" x14ac:dyDescent="0.15">
      <c r="A126" s="149"/>
      <c r="B126" s="255"/>
      <c r="C126" s="255"/>
      <c r="D126" s="256"/>
      <c r="E126" s="148"/>
      <c r="F126" s="92"/>
      <c r="G126" s="92"/>
      <c r="H126" s="145"/>
      <c r="I126" s="173"/>
      <c r="J126" s="103"/>
      <c r="K126" s="103"/>
      <c r="L126" s="251"/>
      <c r="M126" s="149"/>
      <c r="N126" s="92" t="s">
        <v>25</v>
      </c>
      <c r="O126" s="151" t="s">
        <v>54</v>
      </c>
      <c r="P126" s="92" t="s">
        <v>619</v>
      </c>
      <c r="Q126" s="91"/>
      <c r="R126" s="91"/>
      <c r="S126" s="103"/>
      <c r="T126" s="103"/>
      <c r="U126" s="103"/>
      <c r="V126" s="151" t="s">
        <v>54</v>
      </c>
      <c r="W126" s="92" t="s">
        <v>620</v>
      </c>
      <c r="X126" s="103"/>
      <c r="Y126" s="103"/>
      <c r="Z126" s="151" t="s">
        <v>54</v>
      </c>
      <c r="AA126" s="92" t="s">
        <v>0</v>
      </c>
      <c r="AB126" s="103"/>
      <c r="AC126" s="102" t="s">
        <v>26</v>
      </c>
      <c r="AD126" s="103"/>
      <c r="AE126" s="103"/>
      <c r="AF126" s="103"/>
      <c r="AG126" s="251"/>
      <c r="AH126" s="124"/>
      <c r="AI126" s="92"/>
      <c r="AJ126" s="91"/>
      <c r="AK126" s="91"/>
      <c r="AL126" s="91"/>
      <c r="AM126" s="149"/>
      <c r="AN126" s="91"/>
      <c r="AO126" s="104"/>
    </row>
    <row r="127" spans="1:41" ht="15.95" customHeight="1" x14ac:dyDescent="0.15">
      <c r="A127" s="149"/>
      <c r="B127" s="255"/>
      <c r="C127" s="255"/>
      <c r="D127" s="256"/>
      <c r="E127" s="148"/>
      <c r="F127" s="92"/>
      <c r="G127" s="92"/>
      <c r="H127" s="145"/>
      <c r="I127" s="173"/>
      <c r="J127" s="103"/>
      <c r="K127" s="103"/>
      <c r="L127" s="251"/>
      <c r="M127" s="108" t="s">
        <v>66</v>
      </c>
      <c r="N127" s="92" t="s">
        <v>621</v>
      </c>
      <c r="O127" s="92"/>
      <c r="P127" s="92"/>
      <c r="Q127" s="91"/>
      <c r="R127" s="91"/>
      <c r="S127" s="103"/>
      <c r="T127" s="103"/>
      <c r="U127" s="103"/>
      <c r="V127" s="91" t="s">
        <v>25</v>
      </c>
      <c r="W127" s="151" t="s">
        <v>7</v>
      </c>
      <c r="X127" s="103" t="s">
        <v>1</v>
      </c>
      <c r="Y127" s="151" t="s">
        <v>54</v>
      </c>
      <c r="Z127" s="103" t="s">
        <v>2</v>
      </c>
      <c r="AA127" s="103" t="s">
        <v>26</v>
      </c>
      <c r="AB127" s="103"/>
      <c r="AC127" s="102"/>
      <c r="AD127" s="103"/>
      <c r="AE127" s="103"/>
      <c r="AF127" s="103"/>
      <c r="AG127" s="251"/>
      <c r="AH127" s="124"/>
      <c r="AI127" s="92"/>
      <c r="AJ127" s="91"/>
      <c r="AK127" s="91"/>
      <c r="AL127" s="91"/>
      <c r="AM127" s="149"/>
      <c r="AN127" s="91"/>
      <c r="AO127" s="104"/>
    </row>
    <row r="128" spans="1:41" ht="15.95" customHeight="1" x14ac:dyDescent="0.15">
      <c r="A128" s="149"/>
      <c r="B128" s="255"/>
      <c r="C128" s="255"/>
      <c r="D128" s="256"/>
      <c r="E128" s="148"/>
      <c r="F128" s="92"/>
      <c r="G128" s="92"/>
      <c r="H128" s="145"/>
      <c r="I128" s="243"/>
      <c r="J128" s="97"/>
      <c r="K128" s="97"/>
      <c r="L128" s="191"/>
      <c r="M128" s="127" t="s">
        <v>66</v>
      </c>
      <c r="N128" s="105" t="s">
        <v>622</v>
      </c>
      <c r="O128" s="105"/>
      <c r="P128" s="105"/>
      <c r="Q128" s="116"/>
      <c r="R128" s="116"/>
      <c r="S128" s="97"/>
      <c r="T128" s="97"/>
      <c r="U128" s="97"/>
      <c r="V128" s="116" t="s">
        <v>25</v>
      </c>
      <c r="W128" s="126" t="s">
        <v>7</v>
      </c>
      <c r="X128" s="97" t="s">
        <v>1</v>
      </c>
      <c r="Y128" s="126" t="s">
        <v>54</v>
      </c>
      <c r="Z128" s="97" t="s">
        <v>2</v>
      </c>
      <c r="AA128" s="97" t="s">
        <v>26</v>
      </c>
      <c r="AB128" s="97"/>
      <c r="AC128" s="96"/>
      <c r="AD128" s="97"/>
      <c r="AE128" s="97"/>
      <c r="AF128" s="97"/>
      <c r="AG128" s="191"/>
      <c r="AH128" s="124"/>
      <c r="AI128" s="92"/>
      <c r="AJ128" s="91"/>
      <c r="AK128" s="91"/>
      <c r="AL128" s="91"/>
      <c r="AM128" s="149"/>
      <c r="AN128" s="91"/>
      <c r="AO128" s="104"/>
    </row>
    <row r="129" spans="1:41" ht="15.95" customHeight="1" x14ac:dyDescent="0.15">
      <c r="A129" s="149"/>
      <c r="B129" s="255"/>
      <c r="C129" s="255"/>
      <c r="D129" s="256"/>
      <c r="E129" s="227"/>
      <c r="F129" s="132"/>
      <c r="G129" s="132"/>
      <c r="H129" s="228"/>
      <c r="I129" s="464" t="s">
        <v>623</v>
      </c>
      <c r="J129" s="552"/>
      <c r="K129" s="552"/>
      <c r="L129" s="553"/>
      <c r="M129" s="313" t="s">
        <v>66</v>
      </c>
      <c r="N129" s="94" t="s">
        <v>624</v>
      </c>
      <c r="O129" s="94"/>
      <c r="P129" s="94"/>
      <c r="Q129" s="286" t="s">
        <v>25</v>
      </c>
      <c r="R129" s="314" t="s">
        <v>54</v>
      </c>
      <c r="S129" s="285" t="s">
        <v>1</v>
      </c>
      <c r="T129" s="314" t="s">
        <v>7</v>
      </c>
      <c r="U129" s="285" t="s">
        <v>625</v>
      </c>
      <c r="V129" s="285"/>
      <c r="W129" s="285"/>
      <c r="X129" s="286"/>
      <c r="Y129" s="285"/>
      <c r="Z129" s="285"/>
      <c r="AA129" s="285"/>
      <c r="AB129" s="285"/>
      <c r="AC129" s="133"/>
      <c r="AD129" s="285"/>
      <c r="AE129" s="285"/>
      <c r="AF129" s="285"/>
      <c r="AG129" s="315"/>
      <c r="AH129" s="124"/>
      <c r="AI129" s="92"/>
      <c r="AJ129" s="92"/>
      <c r="AK129" s="92"/>
      <c r="AL129" s="92"/>
      <c r="AM129" s="149"/>
      <c r="AN129" s="91"/>
      <c r="AO129" s="104"/>
    </row>
    <row r="130" spans="1:41" ht="15.95" customHeight="1" x14ac:dyDescent="0.15">
      <c r="A130" s="149"/>
      <c r="B130" s="255"/>
      <c r="C130" s="255"/>
      <c r="D130" s="256"/>
      <c r="E130" s="227"/>
      <c r="F130" s="132"/>
      <c r="G130" s="132"/>
      <c r="H130" s="228"/>
      <c r="I130" s="461" t="s">
        <v>626</v>
      </c>
      <c r="J130" s="554"/>
      <c r="K130" s="554"/>
      <c r="L130" s="555"/>
      <c r="M130" s="316" t="s">
        <v>66</v>
      </c>
      <c r="N130" s="105" t="s">
        <v>627</v>
      </c>
      <c r="O130" s="105"/>
      <c r="P130" s="105"/>
      <c r="Q130" s="116" t="s">
        <v>25</v>
      </c>
      <c r="R130" s="126" t="s">
        <v>7</v>
      </c>
      <c r="S130" s="97" t="s">
        <v>1</v>
      </c>
      <c r="T130" s="126" t="s">
        <v>54</v>
      </c>
      <c r="U130" s="97" t="s">
        <v>2</v>
      </c>
      <c r="V130" s="97" t="s">
        <v>26</v>
      </c>
      <c r="W130" s="97"/>
      <c r="X130" s="97"/>
      <c r="Y130" s="97"/>
      <c r="Z130" s="97"/>
      <c r="AA130" s="97"/>
      <c r="AB130" s="97"/>
      <c r="AC130" s="96"/>
      <c r="AD130" s="97"/>
      <c r="AE130" s="97"/>
      <c r="AF130" s="97"/>
      <c r="AG130" s="191"/>
      <c r="AH130" s="124"/>
      <c r="AI130" s="92"/>
      <c r="AJ130" s="92"/>
      <c r="AK130" s="92"/>
      <c r="AL130" s="92"/>
      <c r="AM130" s="149"/>
      <c r="AN130" s="91"/>
      <c r="AO130" s="104"/>
    </row>
    <row r="131" spans="1:41" ht="15.95" customHeight="1" x14ac:dyDescent="0.15">
      <c r="A131" s="149"/>
      <c r="B131" s="255"/>
      <c r="C131" s="255"/>
      <c r="D131" s="256"/>
      <c r="E131" s="227"/>
      <c r="F131" s="132"/>
      <c r="G131" s="132"/>
      <c r="H131" s="228"/>
      <c r="I131" s="437" t="s">
        <v>628</v>
      </c>
      <c r="J131" s="438"/>
      <c r="K131" s="438"/>
      <c r="L131" s="439"/>
      <c r="M131" s="108" t="s">
        <v>66</v>
      </c>
      <c r="N131" s="92" t="s">
        <v>601</v>
      </c>
      <c r="O131" s="92"/>
      <c r="P131" s="92"/>
      <c r="Q131" s="91"/>
      <c r="R131" s="151"/>
      <c r="S131" s="103"/>
      <c r="T131" s="151"/>
      <c r="U131" s="103"/>
      <c r="V131" s="175" t="s">
        <v>25</v>
      </c>
      <c r="W131" s="479"/>
      <c r="X131" s="479"/>
      <c r="Y131" s="479"/>
      <c r="Z131" s="479"/>
      <c r="AA131" s="479"/>
      <c r="AB131" s="479"/>
      <c r="AC131" s="479"/>
      <c r="AD131" s="103" t="s">
        <v>337</v>
      </c>
      <c r="AE131" s="103"/>
      <c r="AF131" s="103"/>
      <c r="AG131" s="251"/>
      <c r="AH131" s="124"/>
      <c r="AI131" s="92"/>
      <c r="AJ131" s="92"/>
      <c r="AK131" s="92"/>
      <c r="AL131" s="92"/>
      <c r="AM131" s="149"/>
      <c r="AN131" s="91"/>
      <c r="AO131" s="104"/>
    </row>
    <row r="132" spans="1:41" ht="15.95" customHeight="1" x14ac:dyDescent="0.15">
      <c r="A132" s="149"/>
      <c r="B132" s="255"/>
      <c r="C132" s="255"/>
      <c r="D132" s="256"/>
      <c r="E132" s="227"/>
      <c r="F132" s="132"/>
      <c r="G132" s="132"/>
      <c r="H132" s="228"/>
      <c r="I132" s="449" t="s">
        <v>629</v>
      </c>
      <c r="J132" s="450"/>
      <c r="K132" s="450"/>
      <c r="L132" s="451"/>
      <c r="M132" s="151" t="s">
        <v>54</v>
      </c>
      <c r="N132" s="103" t="s">
        <v>603</v>
      </c>
      <c r="O132" s="103"/>
      <c r="P132" s="124"/>
      <c r="Q132" s="103"/>
      <c r="R132" s="151" t="s">
        <v>7</v>
      </c>
      <c r="S132" s="103" t="s">
        <v>604</v>
      </c>
      <c r="T132" s="124"/>
      <c r="U132" s="103"/>
      <c r="V132" s="151" t="s">
        <v>54</v>
      </c>
      <c r="W132" s="103" t="s">
        <v>605</v>
      </c>
      <c r="X132" s="103"/>
      <c r="Y132" s="103"/>
      <c r="Z132" s="103"/>
      <c r="AA132" s="103"/>
      <c r="AB132" s="103"/>
      <c r="AC132" s="102"/>
      <c r="AD132" s="103"/>
      <c r="AE132" s="103"/>
      <c r="AF132" s="103"/>
      <c r="AG132" s="251"/>
      <c r="AH132" s="121"/>
      <c r="AI132" s="92"/>
      <c r="AJ132" s="92"/>
      <c r="AK132" s="92"/>
      <c r="AL132" s="92"/>
      <c r="AM132" s="149"/>
      <c r="AN132" s="91"/>
      <c r="AO132" s="104"/>
    </row>
    <row r="133" spans="1:41" ht="15.95" customHeight="1" x14ac:dyDescent="0.15">
      <c r="A133" s="149"/>
      <c r="B133" s="255"/>
      <c r="C133" s="255"/>
      <c r="D133" s="256"/>
      <c r="E133" s="227"/>
      <c r="F133" s="132"/>
      <c r="G133" s="132"/>
      <c r="H133" s="228"/>
      <c r="I133" s="461" t="s">
        <v>630</v>
      </c>
      <c r="J133" s="462"/>
      <c r="K133" s="462"/>
      <c r="L133" s="463"/>
      <c r="M133" s="316"/>
      <c r="N133" s="105"/>
      <c r="O133" s="105"/>
      <c r="P133" s="105"/>
      <c r="Q133" s="116"/>
      <c r="R133" s="126"/>
      <c r="S133" s="97"/>
      <c r="T133" s="126"/>
      <c r="U133" s="97"/>
      <c r="V133" s="97"/>
      <c r="W133" s="97"/>
      <c r="X133" s="97"/>
      <c r="Y133" s="97"/>
      <c r="Z133" s="97"/>
      <c r="AA133" s="97"/>
      <c r="AB133" s="97"/>
      <c r="AC133" s="96"/>
      <c r="AD133" s="97"/>
      <c r="AE133" s="97"/>
      <c r="AF133" s="97"/>
      <c r="AG133" s="191"/>
      <c r="AH133" s="121"/>
      <c r="AI133" s="92"/>
      <c r="AJ133" s="92"/>
      <c r="AK133" s="92"/>
      <c r="AL133" s="92"/>
      <c r="AM133" s="149"/>
      <c r="AN133" s="91"/>
      <c r="AO133" s="104"/>
    </row>
    <row r="134" spans="1:41" ht="15.95" customHeight="1" x14ac:dyDescent="0.15">
      <c r="A134" s="149"/>
      <c r="B134" s="255"/>
      <c r="C134" s="255"/>
      <c r="D134" s="256"/>
      <c r="E134" s="227"/>
      <c r="F134" s="132"/>
      <c r="G134" s="132"/>
      <c r="H134" s="228"/>
      <c r="I134" s="437" t="s">
        <v>607</v>
      </c>
      <c r="J134" s="438"/>
      <c r="K134" s="438"/>
      <c r="L134" s="439"/>
      <c r="M134" s="108" t="s">
        <v>66</v>
      </c>
      <c r="N134" s="98" t="s">
        <v>819</v>
      </c>
      <c r="O134" s="98"/>
      <c r="P134" s="98"/>
      <c r="Q134" s="114"/>
      <c r="R134" s="140"/>
      <c r="S134" s="208"/>
      <c r="T134" s="140"/>
      <c r="U134" s="208"/>
      <c r="V134" s="175" t="s">
        <v>25</v>
      </c>
      <c r="W134" s="479"/>
      <c r="X134" s="479"/>
      <c r="Y134" s="479"/>
      <c r="Z134" s="479"/>
      <c r="AA134" s="479"/>
      <c r="AB134" s="479"/>
      <c r="AC134" s="479"/>
      <c r="AD134" s="103" t="s">
        <v>337</v>
      </c>
      <c r="AE134" s="103"/>
      <c r="AF134" s="208"/>
      <c r="AG134" s="262"/>
      <c r="AH134" s="121"/>
      <c r="AI134" s="92"/>
      <c r="AJ134" s="92"/>
      <c r="AK134" s="92"/>
      <c r="AL134" s="145"/>
      <c r="AM134" s="149"/>
      <c r="AN134" s="91"/>
      <c r="AO134" s="104"/>
    </row>
    <row r="135" spans="1:41" ht="15.95" customHeight="1" x14ac:dyDescent="0.15">
      <c r="A135" s="149"/>
      <c r="B135" s="255"/>
      <c r="C135" s="255"/>
      <c r="D135" s="256"/>
      <c r="E135" s="227"/>
      <c r="F135" s="132"/>
      <c r="G135" s="132"/>
      <c r="H135" s="228"/>
      <c r="I135" s="461" t="s">
        <v>598</v>
      </c>
      <c r="J135" s="462"/>
      <c r="K135" s="462"/>
      <c r="L135" s="463"/>
      <c r="M135" s="127"/>
      <c r="N135" s="105"/>
      <c r="O135" s="105"/>
      <c r="P135" s="105"/>
      <c r="Q135" s="116"/>
      <c r="R135" s="126"/>
      <c r="S135" s="97"/>
      <c r="T135" s="126"/>
      <c r="U135" s="97"/>
      <c r="V135" s="97"/>
      <c r="W135" s="97"/>
      <c r="X135" s="97"/>
      <c r="Y135" s="97"/>
      <c r="Z135" s="97"/>
      <c r="AA135" s="97"/>
      <c r="AB135" s="97"/>
      <c r="AC135" s="96"/>
      <c r="AD135" s="97"/>
      <c r="AE135" s="97"/>
      <c r="AF135" s="97"/>
      <c r="AG135" s="97"/>
      <c r="AH135" s="121"/>
      <c r="AI135" s="92"/>
      <c r="AJ135" s="92"/>
      <c r="AK135" s="92"/>
      <c r="AL135" s="145"/>
      <c r="AM135" s="149"/>
      <c r="AN135" s="91"/>
      <c r="AO135" s="104"/>
    </row>
    <row r="136" spans="1:41" ht="15.95" customHeight="1" x14ac:dyDescent="0.15">
      <c r="A136" s="149"/>
      <c r="B136" s="232"/>
      <c r="C136" s="232"/>
      <c r="D136" s="233"/>
      <c r="E136" s="235"/>
      <c r="F136" s="117"/>
      <c r="G136" s="117"/>
      <c r="H136" s="236"/>
      <c r="I136" s="464" t="s">
        <v>631</v>
      </c>
      <c r="J136" s="465"/>
      <c r="K136" s="465"/>
      <c r="L136" s="466"/>
      <c r="M136" s="126" t="s">
        <v>7</v>
      </c>
      <c r="N136" s="105" t="s">
        <v>2</v>
      </c>
      <c r="O136" s="105"/>
      <c r="P136" s="126" t="s">
        <v>54</v>
      </c>
      <c r="Q136" s="105" t="s">
        <v>1</v>
      </c>
      <c r="R136" s="116"/>
      <c r="S136" s="97"/>
      <c r="T136" s="97"/>
      <c r="U136" s="97"/>
      <c r="V136" s="97"/>
      <c r="W136" s="97"/>
      <c r="X136" s="97"/>
      <c r="Y136" s="97"/>
      <c r="Z136" s="97"/>
      <c r="AA136" s="97"/>
      <c r="AB136" s="97"/>
      <c r="AC136" s="96"/>
      <c r="AD136" s="97"/>
      <c r="AE136" s="97"/>
      <c r="AF136" s="97"/>
      <c r="AG136" s="97"/>
      <c r="AH136" s="219"/>
      <c r="AI136" s="116"/>
      <c r="AJ136" s="105"/>
      <c r="AK136" s="200"/>
      <c r="AL136" s="213"/>
      <c r="AM136" s="219"/>
      <c r="AN136" s="116"/>
      <c r="AO136" s="106"/>
    </row>
    <row r="137" spans="1:41" ht="15.95" customHeight="1" x14ac:dyDescent="0.15">
      <c r="A137" s="149"/>
      <c r="B137" s="232"/>
      <c r="C137" s="232"/>
      <c r="D137" s="232"/>
      <c r="E137" s="437" t="s">
        <v>632</v>
      </c>
      <c r="F137" s="438"/>
      <c r="G137" s="438"/>
      <c r="H137" s="439"/>
      <c r="I137" s="449" t="s">
        <v>632</v>
      </c>
      <c r="J137" s="450"/>
      <c r="K137" s="450"/>
      <c r="L137" s="451"/>
      <c r="M137" s="155" t="s">
        <v>66</v>
      </c>
      <c r="N137" s="92" t="s">
        <v>633</v>
      </c>
      <c r="O137" s="92"/>
      <c r="P137" s="151"/>
      <c r="Q137" s="92" t="s">
        <v>25</v>
      </c>
      <c r="R137" s="151" t="s">
        <v>54</v>
      </c>
      <c r="S137" s="103" t="s">
        <v>634</v>
      </c>
      <c r="T137" s="103"/>
      <c r="U137" s="103"/>
      <c r="V137" s="103"/>
      <c r="W137" s="103"/>
      <c r="X137" s="103"/>
      <c r="Y137" s="103"/>
      <c r="Z137" s="151" t="s">
        <v>7</v>
      </c>
      <c r="AA137" s="103" t="s">
        <v>635</v>
      </c>
      <c r="AB137" s="103"/>
      <c r="AC137" s="102"/>
      <c r="AD137" s="103"/>
      <c r="AE137" s="103"/>
      <c r="AF137" s="103"/>
      <c r="AG137" s="103"/>
      <c r="AH137" s="146" t="s">
        <v>7</v>
      </c>
      <c r="AI137" s="92" t="s">
        <v>363</v>
      </c>
      <c r="AJ137" s="91"/>
      <c r="AK137" s="182"/>
      <c r="AL137" s="182"/>
      <c r="AM137" s="149"/>
      <c r="AN137" s="91"/>
      <c r="AO137" s="104"/>
    </row>
    <row r="138" spans="1:41" ht="15.95" customHeight="1" x14ac:dyDescent="0.15">
      <c r="A138" s="149"/>
      <c r="B138" s="232"/>
      <c r="C138" s="232"/>
      <c r="D138" s="232"/>
      <c r="E138" s="227"/>
      <c r="F138" s="132"/>
      <c r="G138" s="132"/>
      <c r="H138" s="228"/>
      <c r="I138" s="556" t="s">
        <v>636</v>
      </c>
      <c r="J138" s="557"/>
      <c r="K138" s="557"/>
      <c r="L138" s="558"/>
      <c r="M138" s="212" t="s">
        <v>66</v>
      </c>
      <c r="N138" s="105" t="s">
        <v>637</v>
      </c>
      <c r="O138" s="105"/>
      <c r="P138" s="126"/>
      <c r="Q138" s="105"/>
      <c r="R138" s="116"/>
      <c r="S138" s="116" t="s">
        <v>25</v>
      </c>
      <c r="T138" s="126" t="s">
        <v>54</v>
      </c>
      <c r="U138" s="97" t="s">
        <v>1</v>
      </c>
      <c r="V138" s="126" t="s">
        <v>7</v>
      </c>
      <c r="W138" s="97" t="s">
        <v>2</v>
      </c>
      <c r="X138" s="97" t="s">
        <v>26</v>
      </c>
      <c r="Y138" s="97"/>
      <c r="Z138" s="97"/>
      <c r="AA138" s="97"/>
      <c r="AB138" s="97"/>
      <c r="AC138" s="96"/>
      <c r="AD138" s="97"/>
      <c r="AE138" s="97"/>
      <c r="AF138" s="97"/>
      <c r="AG138" s="97"/>
      <c r="AH138" s="146" t="s">
        <v>7</v>
      </c>
      <c r="AI138" s="92" t="s">
        <v>278</v>
      </c>
      <c r="AJ138" s="182"/>
      <c r="AK138" s="182"/>
      <c r="AL138" s="182"/>
      <c r="AM138" s="149"/>
      <c r="AN138" s="91"/>
      <c r="AO138" s="104"/>
    </row>
    <row r="139" spans="1:41" ht="15.95" customHeight="1" x14ac:dyDescent="0.15">
      <c r="A139" s="149"/>
      <c r="B139" s="91"/>
      <c r="C139" s="91"/>
      <c r="D139" s="91"/>
      <c r="E139" s="149"/>
      <c r="F139" s="91"/>
      <c r="G139" s="91"/>
      <c r="H139" s="104"/>
      <c r="I139" s="437" t="s">
        <v>632</v>
      </c>
      <c r="J139" s="438"/>
      <c r="K139" s="438"/>
      <c r="L139" s="439"/>
      <c r="M139" s="134" t="s">
        <v>66</v>
      </c>
      <c r="N139" s="98" t="s">
        <v>638</v>
      </c>
      <c r="O139" s="114"/>
      <c r="P139" s="114"/>
      <c r="Q139" s="114"/>
      <c r="R139" s="114"/>
      <c r="S139" s="114"/>
      <c r="T139" s="114"/>
      <c r="U139" s="114"/>
      <c r="V139" s="207" t="s">
        <v>25</v>
      </c>
      <c r="W139" s="476"/>
      <c r="X139" s="476"/>
      <c r="Y139" s="476"/>
      <c r="Z139" s="476"/>
      <c r="AA139" s="476"/>
      <c r="AB139" s="476"/>
      <c r="AC139" s="476"/>
      <c r="AD139" s="208" t="s">
        <v>337</v>
      </c>
      <c r="AE139" s="208"/>
      <c r="AF139" s="208"/>
      <c r="AG139" s="208"/>
      <c r="AH139" s="146" t="s">
        <v>7</v>
      </c>
      <c r="AI139" s="182"/>
      <c r="AJ139" s="91"/>
      <c r="AK139" s="91"/>
      <c r="AL139" s="91"/>
      <c r="AM139" s="149"/>
      <c r="AN139" s="91"/>
      <c r="AO139" s="104"/>
    </row>
    <row r="140" spans="1:41" ht="15.95" customHeight="1" x14ac:dyDescent="0.15">
      <c r="A140" s="149"/>
      <c r="B140" s="91"/>
      <c r="C140" s="91"/>
      <c r="D140" s="91"/>
      <c r="E140" s="149"/>
      <c r="F140" s="91"/>
      <c r="G140" s="91"/>
      <c r="H140" s="104"/>
      <c r="I140" s="556" t="s">
        <v>639</v>
      </c>
      <c r="J140" s="557"/>
      <c r="K140" s="557"/>
      <c r="L140" s="558"/>
      <c r="M140" s="116"/>
      <c r="N140" s="116"/>
      <c r="O140" s="116"/>
      <c r="P140" s="116"/>
      <c r="Q140" s="116"/>
      <c r="R140" s="116"/>
      <c r="S140" s="116"/>
      <c r="T140" s="116"/>
      <c r="U140" s="116"/>
      <c r="V140" s="116"/>
      <c r="W140" s="116"/>
      <c r="X140" s="116"/>
      <c r="Y140" s="116"/>
      <c r="Z140" s="116"/>
      <c r="AA140" s="116"/>
      <c r="AB140" s="116"/>
      <c r="AC140" s="116"/>
      <c r="AD140" s="116"/>
      <c r="AE140" s="116"/>
      <c r="AF140" s="116"/>
      <c r="AG140" s="116"/>
      <c r="AH140" s="121"/>
      <c r="AI140" s="91"/>
      <c r="AJ140" s="91"/>
      <c r="AK140" s="91"/>
      <c r="AL140" s="91"/>
      <c r="AM140" s="149"/>
      <c r="AN140" s="91"/>
      <c r="AO140" s="104"/>
    </row>
    <row r="141" spans="1:41" ht="15.95" customHeight="1" x14ac:dyDescent="0.15">
      <c r="A141" s="149"/>
      <c r="B141" s="91"/>
      <c r="C141" s="91"/>
      <c r="D141" s="91"/>
      <c r="E141" s="149"/>
      <c r="F141" s="91"/>
      <c r="G141" s="91"/>
      <c r="H141" s="104"/>
      <c r="I141" s="437" t="s">
        <v>632</v>
      </c>
      <c r="J141" s="438"/>
      <c r="K141" s="438"/>
      <c r="L141" s="439"/>
      <c r="M141" s="134" t="s">
        <v>66</v>
      </c>
      <c r="N141" s="98" t="s">
        <v>640</v>
      </c>
      <c r="O141" s="91"/>
      <c r="P141" s="91"/>
      <c r="Q141" s="91"/>
      <c r="R141" s="91"/>
      <c r="S141" s="91"/>
      <c r="T141" s="91"/>
      <c r="U141" s="109"/>
      <c r="V141" s="114"/>
      <c r="W141" s="114" t="s">
        <v>144</v>
      </c>
      <c r="X141" s="476"/>
      <c r="Y141" s="476"/>
      <c r="Z141" s="476"/>
      <c r="AA141" s="92" t="s">
        <v>120</v>
      </c>
      <c r="AB141" s="92" t="s">
        <v>641</v>
      </c>
      <c r="AC141" s="476"/>
      <c r="AD141" s="476"/>
      <c r="AE141" s="476"/>
      <c r="AF141" s="208" t="s">
        <v>337</v>
      </c>
      <c r="AG141" s="103"/>
      <c r="AH141" s="121"/>
      <c r="AI141" s="91"/>
      <c r="AJ141" s="91"/>
      <c r="AK141" s="91"/>
      <c r="AL141" s="91"/>
      <c r="AM141" s="149"/>
      <c r="AN141" s="91"/>
      <c r="AO141" s="104"/>
    </row>
    <row r="142" spans="1:41" ht="15.95" customHeight="1" x14ac:dyDescent="0.15">
      <c r="A142" s="219"/>
      <c r="B142" s="116"/>
      <c r="C142" s="116"/>
      <c r="D142" s="116"/>
      <c r="E142" s="219"/>
      <c r="F142" s="116"/>
      <c r="G142" s="116"/>
      <c r="H142" s="106"/>
      <c r="I142" s="461" t="s">
        <v>642</v>
      </c>
      <c r="J142" s="462"/>
      <c r="K142" s="462"/>
      <c r="L142" s="463"/>
      <c r="M142" s="116"/>
      <c r="N142" s="116"/>
      <c r="O142" s="116"/>
      <c r="P142" s="116"/>
      <c r="Q142" s="116"/>
      <c r="R142" s="116"/>
      <c r="S142" s="116"/>
      <c r="T142" s="116"/>
      <c r="U142" s="116"/>
      <c r="V142" s="116"/>
      <c r="W142" s="116"/>
      <c r="X142" s="116"/>
      <c r="Y142" s="116"/>
      <c r="Z142" s="116"/>
      <c r="AA142" s="116"/>
      <c r="AB142" s="116"/>
      <c r="AC142" s="116"/>
      <c r="AD142" s="116"/>
      <c r="AE142" s="116"/>
      <c r="AF142" s="116"/>
      <c r="AG142" s="116"/>
      <c r="AH142" s="115"/>
      <c r="AI142" s="116"/>
      <c r="AJ142" s="116"/>
      <c r="AK142" s="116"/>
      <c r="AL142" s="116"/>
      <c r="AM142" s="219"/>
      <c r="AN142" s="116"/>
      <c r="AO142" s="106"/>
    </row>
    <row r="143" spans="1:41" ht="15.95" customHeight="1" x14ac:dyDescent="0.15">
      <c r="A143" s="437" t="s">
        <v>319</v>
      </c>
      <c r="B143" s="438"/>
      <c r="C143" s="438"/>
      <c r="D143" s="438"/>
      <c r="E143" s="437" t="s">
        <v>758</v>
      </c>
      <c r="F143" s="438"/>
      <c r="G143" s="438"/>
      <c r="H143" s="438"/>
      <c r="I143" s="437" t="s">
        <v>820</v>
      </c>
      <c r="J143" s="438"/>
      <c r="K143" s="438"/>
      <c r="L143" s="439"/>
      <c r="M143" s="140" t="s">
        <v>7</v>
      </c>
      <c r="N143" s="208" t="s">
        <v>821</v>
      </c>
      <c r="O143" s="98"/>
      <c r="P143" s="98"/>
      <c r="Q143" s="114"/>
      <c r="R143" s="208"/>
      <c r="S143" s="208"/>
      <c r="T143" s="140"/>
      <c r="U143" s="208"/>
      <c r="V143" s="208"/>
      <c r="W143" s="208"/>
      <c r="X143" s="140"/>
      <c r="Y143" s="208"/>
      <c r="Z143" s="208"/>
      <c r="AA143" s="114"/>
      <c r="AB143" s="114"/>
      <c r="AC143" s="206"/>
      <c r="AD143" s="208"/>
      <c r="AE143" s="208"/>
      <c r="AF143" s="114"/>
      <c r="AG143" s="114"/>
      <c r="AH143" s="138"/>
      <c r="AI143" s="98"/>
      <c r="AJ143" s="221"/>
      <c r="AK143" s="221"/>
      <c r="AL143" s="209"/>
      <c r="AM143" s="98"/>
      <c r="AN143" s="98"/>
      <c r="AO143" s="142"/>
    </row>
    <row r="144" spans="1:41" ht="15.95" customHeight="1" x14ac:dyDescent="0.15">
      <c r="A144" s="449" t="s">
        <v>321</v>
      </c>
      <c r="B144" s="450"/>
      <c r="C144" s="450"/>
      <c r="D144" s="450"/>
      <c r="E144" s="449" t="s">
        <v>759</v>
      </c>
      <c r="F144" s="450"/>
      <c r="G144" s="450"/>
      <c r="H144" s="450"/>
      <c r="I144" s="148"/>
      <c r="J144" s="92"/>
      <c r="K144" s="92"/>
      <c r="L144" s="145"/>
      <c r="M144" s="151" t="s">
        <v>7</v>
      </c>
      <c r="N144" s="103" t="s">
        <v>822</v>
      </c>
      <c r="O144" s="103"/>
      <c r="P144" s="92"/>
      <c r="Q144" s="92"/>
      <c r="R144" s="91"/>
      <c r="S144" s="91"/>
      <c r="T144" s="103"/>
      <c r="U144" s="151"/>
      <c r="V144" s="103"/>
      <c r="W144" s="103"/>
      <c r="X144" s="103"/>
      <c r="Y144" s="103"/>
      <c r="Z144" s="103"/>
      <c r="AA144" s="103"/>
      <c r="AB144" s="103"/>
      <c r="AC144" s="102"/>
      <c r="AD144" s="103"/>
      <c r="AE144" s="103"/>
      <c r="AF144" s="91"/>
      <c r="AG144" s="91"/>
      <c r="AH144" s="146"/>
      <c r="AI144" s="92"/>
      <c r="AJ144" s="124"/>
      <c r="AK144" s="124"/>
      <c r="AL144" s="157"/>
      <c r="AM144" s="92"/>
      <c r="AN144" s="92"/>
      <c r="AO144" s="145"/>
    </row>
    <row r="145" spans="1:41" ht="15.95" customHeight="1" x14ac:dyDescent="0.15">
      <c r="A145" s="358"/>
      <c r="B145" s="359"/>
      <c r="C145" s="359"/>
      <c r="D145" s="359"/>
      <c r="E145" s="461" t="s">
        <v>760</v>
      </c>
      <c r="F145" s="462"/>
      <c r="G145" s="462"/>
      <c r="H145" s="462"/>
      <c r="I145" s="169"/>
      <c r="J145" s="105"/>
      <c r="K145" s="105"/>
      <c r="L145" s="170"/>
      <c r="M145" s="126"/>
      <c r="N145" s="126"/>
      <c r="O145" s="97"/>
      <c r="P145" s="105"/>
      <c r="Q145" s="105"/>
      <c r="R145" s="116"/>
      <c r="S145" s="116"/>
      <c r="T145" s="97"/>
      <c r="U145" s="126"/>
      <c r="V145" s="97"/>
      <c r="W145" s="97"/>
      <c r="X145" s="97"/>
      <c r="Y145" s="97"/>
      <c r="Z145" s="97"/>
      <c r="AA145" s="97"/>
      <c r="AB145" s="97"/>
      <c r="AC145" s="96"/>
      <c r="AD145" s="97"/>
      <c r="AE145" s="97"/>
      <c r="AF145" s="116"/>
      <c r="AG145" s="116"/>
      <c r="AH145" s="167"/>
      <c r="AI145" s="105"/>
      <c r="AJ145" s="118"/>
      <c r="AK145" s="118"/>
      <c r="AL145" s="216"/>
      <c r="AM145" s="105"/>
      <c r="AN145" s="105"/>
      <c r="AO145" s="170"/>
    </row>
    <row r="146" spans="1:41" ht="15.95" customHeight="1" x14ac:dyDescent="0.15"/>
    <row r="147" spans="1:41" ht="15.95" customHeight="1" x14ac:dyDescent="0.15"/>
    <row r="148" spans="1:41" ht="15.95" customHeight="1" x14ac:dyDescent="0.15"/>
    <row r="149" spans="1:41" ht="15.95" customHeight="1" x14ac:dyDescent="0.15"/>
    <row r="150" spans="1:41" ht="15.95" customHeight="1" x14ac:dyDescent="0.15"/>
    <row r="151" spans="1:41" ht="15.95" customHeight="1" x14ac:dyDescent="0.15"/>
    <row r="152" spans="1:41" ht="15.95" customHeight="1" x14ac:dyDescent="0.15"/>
    <row r="153" spans="1:41" ht="15.95" customHeight="1" x14ac:dyDescent="0.15"/>
    <row r="154" spans="1:41" ht="15.95" customHeight="1" x14ac:dyDescent="0.15"/>
    <row r="155" spans="1:41" ht="15.95" customHeight="1" x14ac:dyDescent="0.15"/>
    <row r="156" spans="1:41" ht="15.95" customHeight="1" x14ac:dyDescent="0.15"/>
    <row r="157" spans="1:41" ht="15.95" customHeight="1" x14ac:dyDescent="0.15"/>
    <row r="158" spans="1:41" ht="15.95" customHeight="1" x14ac:dyDescent="0.15"/>
    <row r="159" spans="1:41" ht="15.95" customHeight="1" x14ac:dyDescent="0.15"/>
    <row r="160" spans="1:41"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sheetData>
  <mergeCells count="196">
    <mergeCell ref="A2:M2"/>
    <mergeCell ref="N2:AO2"/>
    <mergeCell ref="A3:M3"/>
    <mergeCell ref="N3:AO3"/>
    <mergeCell ref="A4:M4"/>
    <mergeCell ref="N4:AO4"/>
    <mergeCell ref="A5:M5"/>
    <mergeCell ref="N5:AO5"/>
    <mergeCell ref="A6:M6"/>
    <mergeCell ref="N6:AO6"/>
    <mergeCell ref="E145:H145"/>
    <mergeCell ref="I142:L142"/>
    <mergeCell ref="A143:D143"/>
    <mergeCell ref="E143:H143"/>
    <mergeCell ref="I143:L143"/>
    <mergeCell ref="A144:D144"/>
    <mergeCell ref="E144:H144"/>
    <mergeCell ref="I138:L138"/>
    <mergeCell ref="I139:L139"/>
    <mergeCell ref="W139:AC139"/>
    <mergeCell ref="I140:L140"/>
    <mergeCell ref="I141:L141"/>
    <mergeCell ref="I134:L134"/>
    <mergeCell ref="W134:AC134"/>
    <mergeCell ref="I135:L135"/>
    <mergeCell ref="I136:L136"/>
    <mergeCell ref="X141:Z141"/>
    <mergeCell ref="AC141:AE141"/>
    <mergeCell ref="E137:H137"/>
    <mergeCell ref="I137:L137"/>
    <mergeCell ref="I129:L129"/>
    <mergeCell ref="I130:L130"/>
    <mergeCell ref="I131:L131"/>
    <mergeCell ref="W131:AC131"/>
    <mergeCell ref="I132:L132"/>
    <mergeCell ref="I133:L133"/>
    <mergeCell ref="A118:D118"/>
    <mergeCell ref="I118:L118"/>
    <mergeCell ref="W118:AC118"/>
    <mergeCell ref="I119:L119"/>
    <mergeCell ref="I120:L120"/>
    <mergeCell ref="E121:H121"/>
    <mergeCell ref="Q121:S121"/>
    <mergeCell ref="Z121:AB121"/>
    <mergeCell ref="A116:D116"/>
    <mergeCell ref="E116:H116"/>
    <mergeCell ref="I116:L116"/>
    <mergeCell ref="Q116:W116"/>
    <mergeCell ref="A117:D117"/>
    <mergeCell ref="I117:L117"/>
    <mergeCell ref="AH114:AL115"/>
    <mergeCell ref="AM114:AO114"/>
    <mergeCell ref="E115:H115"/>
    <mergeCell ref="I115:L115"/>
    <mergeCell ref="M115:AG115"/>
    <mergeCell ref="AM115:AO115"/>
    <mergeCell ref="I108:L108"/>
    <mergeCell ref="I109:L109"/>
    <mergeCell ref="I110:L110"/>
    <mergeCell ref="I111:L111"/>
    <mergeCell ref="N113:AE113"/>
    <mergeCell ref="A114:D115"/>
    <mergeCell ref="E114:H114"/>
    <mergeCell ref="I114:AG114"/>
    <mergeCell ref="A102:D103"/>
    <mergeCell ref="I102:L102"/>
    <mergeCell ref="I103:L103"/>
    <mergeCell ref="I104:L104"/>
    <mergeCell ref="I106:L106"/>
    <mergeCell ref="I107:L107"/>
    <mergeCell ref="A97:D97"/>
    <mergeCell ref="I97:L97"/>
    <mergeCell ref="A98:D98"/>
    <mergeCell ref="I98:L98"/>
    <mergeCell ref="I99:L99"/>
    <mergeCell ref="A100:D101"/>
    <mergeCell ref="I100:L100"/>
    <mergeCell ref="E92:H92"/>
    <mergeCell ref="A95:D95"/>
    <mergeCell ref="E95:H95"/>
    <mergeCell ref="I95:L95"/>
    <mergeCell ref="A96:D96"/>
    <mergeCell ref="I96:L96"/>
    <mergeCell ref="E89:H89"/>
    <mergeCell ref="I89:L89"/>
    <mergeCell ref="E90:H90"/>
    <mergeCell ref="I90:L90"/>
    <mergeCell ref="E91:H91"/>
    <mergeCell ref="I91:L91"/>
    <mergeCell ref="N84:O84"/>
    <mergeCell ref="Q84:AA84"/>
    <mergeCell ref="E86:H86"/>
    <mergeCell ref="I86:L86"/>
    <mergeCell ref="I87:L87"/>
    <mergeCell ref="I88:L88"/>
    <mergeCell ref="E81:H83"/>
    <mergeCell ref="I81:L81"/>
    <mergeCell ref="T81:AA81"/>
    <mergeCell ref="I82:L82"/>
    <mergeCell ref="Q82:AA82"/>
    <mergeCell ref="I83:L83"/>
    <mergeCell ref="N75:P75"/>
    <mergeCell ref="S75:W75"/>
    <mergeCell ref="N78:P78"/>
    <mergeCell ref="N79:P79"/>
    <mergeCell ref="N80:P80"/>
    <mergeCell ref="S80:W80"/>
    <mergeCell ref="E71:H71"/>
    <mergeCell ref="I71:L71"/>
    <mergeCell ref="A72:D74"/>
    <mergeCell ref="I72:L72"/>
    <mergeCell ref="I73:L73"/>
    <mergeCell ref="N73:P73"/>
    <mergeCell ref="I74:L74"/>
    <mergeCell ref="N74:P74"/>
    <mergeCell ref="A66:D66"/>
    <mergeCell ref="A67:D67"/>
    <mergeCell ref="E67:H67"/>
    <mergeCell ref="I67:L67"/>
    <mergeCell ref="A68:D70"/>
    <mergeCell ref="I68:L68"/>
    <mergeCell ref="I69:L69"/>
    <mergeCell ref="A63:D63"/>
    <mergeCell ref="E63:H63"/>
    <mergeCell ref="I63:L63"/>
    <mergeCell ref="A64:D64"/>
    <mergeCell ref="I64:L64"/>
    <mergeCell ref="A65:D65"/>
    <mergeCell ref="I65:L65"/>
    <mergeCell ref="AH61:AL62"/>
    <mergeCell ref="AM61:AO61"/>
    <mergeCell ref="E62:H62"/>
    <mergeCell ref="I62:L62"/>
    <mergeCell ref="M62:AG62"/>
    <mergeCell ref="AM62:AO62"/>
    <mergeCell ref="I44:L44"/>
    <mergeCell ref="I45:L45"/>
    <mergeCell ref="I46:L46"/>
    <mergeCell ref="E47:H47"/>
    <mergeCell ref="I47:L47"/>
    <mergeCell ref="A61:D62"/>
    <mergeCell ref="E61:H61"/>
    <mergeCell ref="I61:AG61"/>
    <mergeCell ref="A36:D36"/>
    <mergeCell ref="E36:H36"/>
    <mergeCell ref="E37:H37"/>
    <mergeCell ref="I41:L41"/>
    <mergeCell ref="I42:L42"/>
    <mergeCell ref="I43:L43"/>
    <mergeCell ref="I30:L30"/>
    <mergeCell ref="O30:AF30"/>
    <mergeCell ref="O32:AF32"/>
    <mergeCell ref="O34:AF34"/>
    <mergeCell ref="A35:D35"/>
    <mergeCell ref="E35:H35"/>
    <mergeCell ref="I35:L35"/>
    <mergeCell ref="E27:H27"/>
    <mergeCell ref="I27:L27"/>
    <mergeCell ref="O27:AB27"/>
    <mergeCell ref="I28:L28"/>
    <mergeCell ref="O28:AB28"/>
    <mergeCell ref="E29:H29"/>
    <mergeCell ref="I29:L29"/>
    <mergeCell ref="U23:V23"/>
    <mergeCell ref="E24:H24"/>
    <mergeCell ref="I24:L24"/>
    <mergeCell ref="E25:H25"/>
    <mergeCell ref="E26:H26"/>
    <mergeCell ref="I26:L26"/>
    <mergeCell ref="O26:AB26"/>
    <mergeCell ref="V16:W16"/>
    <mergeCell ref="AB16:AC16"/>
    <mergeCell ref="AB18:AC18"/>
    <mergeCell ref="AB19:AC19"/>
    <mergeCell ref="AA21:AC21"/>
    <mergeCell ref="I22:L22"/>
    <mergeCell ref="E14:H14"/>
    <mergeCell ref="I14:L14"/>
    <mergeCell ref="E15:H15"/>
    <mergeCell ref="I15:L15"/>
    <mergeCell ref="V15:W15"/>
    <mergeCell ref="AB15:AC15"/>
    <mergeCell ref="AM9:AO9"/>
    <mergeCell ref="A10:D10"/>
    <mergeCell ref="E10:H10"/>
    <mergeCell ref="I10:L10"/>
    <mergeCell ref="A11:D11"/>
    <mergeCell ref="A12:D12"/>
    <mergeCell ref="A8:D9"/>
    <mergeCell ref="E8:H8"/>
    <mergeCell ref="I8:AG8"/>
    <mergeCell ref="AH8:AL9"/>
    <mergeCell ref="AM8:AO8"/>
    <mergeCell ref="E9:H9"/>
    <mergeCell ref="I9:L9"/>
    <mergeCell ref="M9:AG9"/>
  </mergeCells>
  <phoneticPr fontId="20"/>
  <dataValidations count="1">
    <dataValidation type="list" allowBlank="1" showInputMessage="1" showErrorMessage="1" sqref="AL13:AL15 AH10:AH11 T14 Y14 P15 Q16 R18 S19 AC18 AC21 AC23 T22 AL10:AL11 N25 AH24:AH27 AH29:AH30 S80 J7 AH7 AL63:AL64 R20:R21 W20:W21 M12:M13 Z22 M23 AL66:AL68 AH35:AH39 Q63:Q69 O72 U72 X72 V80 M70 M81:M83 N46 AH63:AH70 I37:I38 M47 O76:O77 S75:S77 AD73:AD75 N48 V75:V77 M43 R35:R40 M112:M113 AL98 N51:N53 AL38 M10 O11 S11 W11 AH14:AH15 AL17 N56:N60 AA73:AA75 AL35:AL36 AA78:AA80 AD78:AD80 T63:T69 M85:M86 AL95:AL96 M41 AH95:AH101 M105:M106 M108:M110 M102 Y99 M93:M95 M99:M100 M97 AH143:AH145 M132 Y127:Y128 P136:P138 V119 M119 R119 V138 R124 T124 O126 V126 Z126 W127:W128 T133:T135 T129:T131 R129:R135 V132 M136 R137 Z137 T138 AH116:AH122 AH137:AH139 M143:M144 N44 M89:M91">
      <formula1>"□,■"</formula1>
    </dataValidation>
  </dataValidations>
  <pageMargins left="0.39370078740157483" right="0.19685039370078741" top="0.19685039370078741" bottom="0.19685039370078741" header="0.39370078740157483" footer="0.39370078740157483"/>
  <pageSetup paperSize="9" scale="79" fitToHeight="0" orientation="portrait" horizontalDpi="300" verticalDpi="300" r:id="rId1"/>
  <rowBreaks count="3" manualBreakCount="3">
    <brk id="60" max="40" man="1"/>
    <brk id="113" max="40" man="1"/>
    <brk id="145" max="40"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sheetPr>
  <dimension ref="A1:AO272"/>
  <sheetViews>
    <sheetView showGridLines="0" view="pageBreakPreview" zoomScale="85" zoomScaleNormal="55" zoomScaleSheetLayoutView="85" workbookViewId="0"/>
  </sheetViews>
  <sheetFormatPr defaultRowHeight="12" x14ac:dyDescent="0.15"/>
  <cols>
    <col min="1" max="41" width="2.625" style="91" customWidth="1"/>
    <col min="42" max="16384" width="9" style="91"/>
  </cols>
  <sheetData>
    <row r="1" spans="1:41" ht="30" customHeight="1" x14ac:dyDescent="0.15">
      <c r="A1" s="87" t="s">
        <v>823</v>
      </c>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O1" s="261" t="s">
        <v>268</v>
      </c>
    </row>
    <row r="2" spans="1:41" ht="17.25" customHeight="1" x14ac:dyDescent="0.15">
      <c r="A2" s="559" t="s">
        <v>824</v>
      </c>
      <c r="B2" s="560"/>
      <c r="C2" s="560"/>
      <c r="D2" s="560"/>
      <c r="E2" s="560"/>
      <c r="F2" s="560"/>
      <c r="G2" s="560"/>
      <c r="H2" s="560"/>
      <c r="I2" s="560"/>
      <c r="J2" s="560"/>
      <c r="K2" s="560"/>
      <c r="L2" s="560"/>
      <c r="M2" s="561"/>
      <c r="N2" s="562"/>
      <c r="O2" s="563"/>
      <c r="P2" s="563"/>
      <c r="Q2" s="563"/>
      <c r="R2" s="563"/>
      <c r="S2" s="563"/>
      <c r="T2" s="563"/>
      <c r="U2" s="563"/>
      <c r="V2" s="563"/>
      <c r="W2" s="563"/>
      <c r="X2" s="563"/>
      <c r="Y2" s="563"/>
      <c r="Z2" s="563"/>
      <c r="AA2" s="563"/>
      <c r="AB2" s="563"/>
      <c r="AC2" s="563"/>
      <c r="AD2" s="563"/>
      <c r="AE2" s="563"/>
      <c r="AF2" s="563"/>
      <c r="AG2" s="563"/>
      <c r="AH2" s="563"/>
      <c r="AI2" s="563"/>
      <c r="AJ2" s="563"/>
      <c r="AK2" s="563"/>
      <c r="AL2" s="563"/>
      <c r="AM2" s="563"/>
      <c r="AN2" s="563"/>
      <c r="AO2" s="564"/>
    </row>
    <row r="3" spans="1:41" s="328" customFormat="1" ht="15" customHeight="1" x14ac:dyDescent="0.15">
      <c r="A3" s="565" t="s">
        <v>3</v>
      </c>
      <c r="B3" s="566"/>
      <c r="C3" s="566"/>
      <c r="D3" s="566"/>
      <c r="E3" s="566"/>
      <c r="F3" s="566"/>
      <c r="G3" s="566"/>
      <c r="H3" s="566"/>
      <c r="I3" s="566"/>
      <c r="J3" s="566"/>
      <c r="K3" s="566"/>
      <c r="L3" s="566"/>
      <c r="M3" s="567"/>
      <c r="N3" s="568"/>
      <c r="O3" s="569"/>
      <c r="P3" s="569"/>
      <c r="Q3" s="569"/>
      <c r="R3" s="569"/>
      <c r="S3" s="569"/>
      <c r="T3" s="569"/>
      <c r="U3" s="569"/>
      <c r="V3" s="569"/>
      <c r="W3" s="569"/>
      <c r="X3" s="569"/>
      <c r="Y3" s="569"/>
      <c r="Z3" s="569"/>
      <c r="AA3" s="569"/>
      <c r="AB3" s="569"/>
      <c r="AC3" s="569"/>
      <c r="AD3" s="569"/>
      <c r="AE3" s="569"/>
      <c r="AF3" s="569"/>
      <c r="AG3" s="569"/>
      <c r="AH3" s="569"/>
      <c r="AI3" s="569"/>
      <c r="AJ3" s="569"/>
      <c r="AK3" s="569"/>
      <c r="AL3" s="569"/>
      <c r="AM3" s="569"/>
      <c r="AN3" s="569"/>
      <c r="AO3" s="570"/>
    </row>
    <row r="4" spans="1:41" s="328" customFormat="1" ht="15" customHeight="1" x14ac:dyDescent="0.15">
      <c r="A4" s="571" t="s">
        <v>4</v>
      </c>
      <c r="B4" s="572"/>
      <c r="C4" s="572"/>
      <c r="D4" s="572"/>
      <c r="E4" s="572"/>
      <c r="F4" s="572"/>
      <c r="G4" s="572"/>
      <c r="H4" s="572"/>
      <c r="I4" s="572"/>
      <c r="J4" s="572"/>
      <c r="K4" s="572"/>
      <c r="L4" s="572"/>
      <c r="M4" s="573"/>
      <c r="N4" s="568"/>
      <c r="O4" s="569"/>
      <c r="P4" s="569"/>
      <c r="Q4" s="569"/>
      <c r="R4" s="569"/>
      <c r="S4" s="569"/>
      <c r="T4" s="569"/>
      <c r="U4" s="569"/>
      <c r="V4" s="569"/>
      <c r="W4" s="569"/>
      <c r="X4" s="569"/>
      <c r="Y4" s="569"/>
      <c r="Z4" s="569"/>
      <c r="AA4" s="569"/>
      <c r="AB4" s="569"/>
      <c r="AC4" s="569"/>
      <c r="AD4" s="569"/>
      <c r="AE4" s="569"/>
      <c r="AF4" s="569"/>
      <c r="AG4" s="569"/>
      <c r="AH4" s="569"/>
      <c r="AI4" s="569"/>
      <c r="AJ4" s="569"/>
      <c r="AK4" s="569"/>
      <c r="AL4" s="569"/>
      <c r="AM4" s="569"/>
      <c r="AN4" s="569"/>
      <c r="AO4" s="570"/>
    </row>
    <row r="5" spans="1:41" s="328" customFormat="1" ht="15" customHeight="1" x14ac:dyDescent="0.15">
      <c r="A5" s="565" t="s">
        <v>773</v>
      </c>
      <c r="B5" s="566"/>
      <c r="C5" s="566"/>
      <c r="D5" s="566"/>
      <c r="E5" s="566"/>
      <c r="F5" s="566"/>
      <c r="G5" s="566"/>
      <c r="H5" s="566"/>
      <c r="I5" s="566"/>
      <c r="J5" s="566"/>
      <c r="K5" s="566"/>
      <c r="L5" s="566"/>
      <c r="M5" s="567"/>
      <c r="N5" s="568"/>
      <c r="O5" s="569"/>
      <c r="P5" s="569"/>
      <c r="Q5" s="569"/>
      <c r="R5" s="569"/>
      <c r="S5" s="569"/>
      <c r="T5" s="569"/>
      <c r="U5" s="569"/>
      <c r="V5" s="569"/>
      <c r="W5" s="569"/>
      <c r="X5" s="569"/>
      <c r="Y5" s="569"/>
      <c r="Z5" s="569"/>
      <c r="AA5" s="569"/>
      <c r="AB5" s="569"/>
      <c r="AC5" s="569"/>
      <c r="AD5" s="569"/>
      <c r="AE5" s="569"/>
      <c r="AF5" s="569"/>
      <c r="AG5" s="569"/>
      <c r="AH5" s="569"/>
      <c r="AI5" s="569"/>
      <c r="AJ5" s="569"/>
      <c r="AK5" s="569"/>
      <c r="AL5" s="569"/>
      <c r="AM5" s="569"/>
      <c r="AN5" s="569"/>
      <c r="AO5" s="570"/>
    </row>
    <row r="6" spans="1:41" s="328" customFormat="1" ht="15" customHeight="1" x14ac:dyDescent="0.15">
      <c r="A6" s="565" t="s">
        <v>5</v>
      </c>
      <c r="B6" s="566"/>
      <c r="C6" s="566"/>
      <c r="D6" s="566"/>
      <c r="E6" s="566"/>
      <c r="F6" s="566"/>
      <c r="G6" s="566"/>
      <c r="H6" s="566"/>
      <c r="I6" s="566"/>
      <c r="J6" s="566"/>
      <c r="K6" s="566"/>
      <c r="L6" s="566"/>
      <c r="M6" s="567"/>
      <c r="N6" s="574"/>
      <c r="O6" s="575"/>
      <c r="P6" s="575"/>
      <c r="Q6" s="575"/>
      <c r="R6" s="575"/>
      <c r="S6" s="575"/>
      <c r="T6" s="575"/>
      <c r="U6" s="575"/>
      <c r="V6" s="575"/>
      <c r="W6" s="575"/>
      <c r="X6" s="575"/>
      <c r="Y6" s="575"/>
      <c r="Z6" s="575"/>
      <c r="AA6" s="575"/>
      <c r="AB6" s="575"/>
      <c r="AC6" s="575"/>
      <c r="AD6" s="575"/>
      <c r="AE6" s="575"/>
      <c r="AF6" s="575"/>
      <c r="AG6" s="575"/>
      <c r="AH6" s="575"/>
      <c r="AI6" s="575"/>
      <c r="AJ6" s="575"/>
      <c r="AK6" s="575"/>
      <c r="AL6" s="575"/>
      <c r="AM6" s="575"/>
      <c r="AN6" s="575"/>
      <c r="AO6" s="576"/>
    </row>
    <row r="7" spans="1:41" ht="15.75" customHeight="1" x14ac:dyDescent="0.15">
      <c r="B7" s="88"/>
      <c r="C7" s="88"/>
      <c r="D7" s="88"/>
      <c r="E7" s="88"/>
      <c r="F7" s="89"/>
      <c r="G7" s="89"/>
      <c r="H7" s="89"/>
      <c r="I7" s="88"/>
      <c r="J7" s="88"/>
      <c r="K7" s="88"/>
      <c r="L7" s="88"/>
      <c r="M7" s="88"/>
      <c r="N7" s="88"/>
      <c r="O7" s="88"/>
      <c r="P7" s="88"/>
      <c r="Q7" s="88"/>
      <c r="R7" s="88"/>
      <c r="S7" s="88"/>
      <c r="T7" s="88"/>
      <c r="U7" s="88"/>
      <c r="V7" s="88"/>
      <c r="W7" s="88"/>
      <c r="X7" s="88"/>
      <c r="Y7" s="88"/>
      <c r="Z7" s="88"/>
      <c r="AA7" s="88"/>
      <c r="AB7" s="88"/>
      <c r="AC7" s="88"/>
      <c r="AD7" s="88"/>
      <c r="AE7" s="88"/>
      <c r="AF7" s="88"/>
      <c r="AG7" s="88"/>
      <c r="AH7" s="88"/>
      <c r="AI7" s="88"/>
      <c r="AJ7" s="88"/>
      <c r="AK7" s="88"/>
      <c r="AL7" s="88"/>
    </row>
    <row r="8" spans="1:41" ht="15.95" customHeight="1" x14ac:dyDescent="0.15">
      <c r="A8" s="452" t="s">
        <v>55</v>
      </c>
      <c r="B8" s="453"/>
      <c r="C8" s="453"/>
      <c r="D8" s="453"/>
      <c r="E8" s="437" t="s">
        <v>56</v>
      </c>
      <c r="F8" s="438"/>
      <c r="G8" s="438"/>
      <c r="H8" s="439"/>
      <c r="I8" s="459" t="s">
        <v>774</v>
      </c>
      <c r="J8" s="459"/>
      <c r="K8" s="459"/>
      <c r="L8" s="459"/>
      <c r="M8" s="459"/>
      <c r="N8" s="459"/>
      <c r="O8" s="459"/>
      <c r="P8" s="459"/>
      <c r="Q8" s="459"/>
      <c r="R8" s="459"/>
      <c r="S8" s="459"/>
      <c r="T8" s="459"/>
      <c r="U8" s="459"/>
      <c r="V8" s="459"/>
      <c r="W8" s="459"/>
      <c r="X8" s="459"/>
      <c r="Y8" s="459"/>
      <c r="Z8" s="459"/>
      <c r="AA8" s="459"/>
      <c r="AB8" s="459"/>
      <c r="AC8" s="459"/>
      <c r="AD8" s="459"/>
      <c r="AE8" s="459"/>
      <c r="AF8" s="459"/>
      <c r="AG8" s="459"/>
      <c r="AH8" s="452" t="s">
        <v>59</v>
      </c>
      <c r="AI8" s="453"/>
      <c r="AJ8" s="453"/>
      <c r="AK8" s="453"/>
      <c r="AL8" s="454"/>
      <c r="AM8" s="453" t="s">
        <v>60</v>
      </c>
      <c r="AN8" s="453"/>
      <c r="AO8" s="454"/>
    </row>
    <row r="9" spans="1:41" ht="15.95" customHeight="1" x14ac:dyDescent="0.15">
      <c r="A9" s="455"/>
      <c r="B9" s="456"/>
      <c r="C9" s="456"/>
      <c r="D9" s="456"/>
      <c r="E9" s="461" t="s">
        <v>61</v>
      </c>
      <c r="F9" s="462"/>
      <c r="G9" s="462"/>
      <c r="H9" s="463"/>
      <c r="I9" s="465" t="s">
        <v>61</v>
      </c>
      <c r="J9" s="465"/>
      <c r="K9" s="465"/>
      <c r="L9" s="466"/>
      <c r="M9" s="458" t="s">
        <v>60</v>
      </c>
      <c r="N9" s="459"/>
      <c r="O9" s="459"/>
      <c r="P9" s="459"/>
      <c r="Q9" s="459"/>
      <c r="R9" s="459"/>
      <c r="S9" s="459"/>
      <c r="T9" s="459"/>
      <c r="U9" s="459"/>
      <c r="V9" s="459"/>
      <c r="W9" s="459"/>
      <c r="X9" s="459"/>
      <c r="Y9" s="459"/>
      <c r="Z9" s="459"/>
      <c r="AA9" s="459"/>
      <c r="AB9" s="459"/>
      <c r="AC9" s="459"/>
      <c r="AD9" s="459"/>
      <c r="AE9" s="459"/>
      <c r="AF9" s="459"/>
      <c r="AG9" s="459"/>
      <c r="AH9" s="455"/>
      <c r="AI9" s="456"/>
      <c r="AJ9" s="456"/>
      <c r="AK9" s="456"/>
      <c r="AL9" s="457"/>
      <c r="AM9" s="456" t="s">
        <v>62</v>
      </c>
      <c r="AN9" s="456"/>
      <c r="AO9" s="457"/>
    </row>
    <row r="10" spans="1:41" ht="15.95" customHeight="1" x14ac:dyDescent="0.15">
      <c r="A10" s="437" t="s">
        <v>269</v>
      </c>
      <c r="B10" s="438"/>
      <c r="C10" s="438"/>
      <c r="D10" s="439"/>
      <c r="E10" s="309"/>
      <c r="F10" s="269"/>
      <c r="G10" s="269"/>
      <c r="H10" s="270"/>
      <c r="I10" s="310"/>
      <c r="J10" s="221"/>
      <c r="K10" s="221"/>
      <c r="L10" s="209"/>
      <c r="M10" s="134" t="s">
        <v>66</v>
      </c>
      <c r="N10" s="208" t="s">
        <v>588</v>
      </c>
      <c r="O10" s="208"/>
      <c r="P10" s="208"/>
      <c r="Q10" s="114"/>
      <c r="R10" s="208"/>
      <c r="S10" s="208"/>
      <c r="T10" s="208"/>
      <c r="U10" s="208"/>
      <c r="V10" s="208" t="s">
        <v>25</v>
      </c>
      <c r="W10" s="453"/>
      <c r="X10" s="453"/>
      <c r="Y10" s="453"/>
      <c r="Z10" s="453"/>
      <c r="AA10" s="453"/>
      <c r="AB10" s="453"/>
      <c r="AC10" s="98" t="s">
        <v>825</v>
      </c>
      <c r="AD10" s="206"/>
      <c r="AE10" s="206"/>
      <c r="AF10" s="206"/>
      <c r="AG10" s="262"/>
      <c r="AH10" s="140" t="s">
        <v>7</v>
      </c>
      <c r="AI10" s="98" t="s">
        <v>826</v>
      </c>
      <c r="AJ10" s="98"/>
      <c r="AK10" s="98"/>
      <c r="AL10" s="98"/>
      <c r="AM10" s="263"/>
      <c r="AN10" s="114"/>
      <c r="AO10" s="99"/>
    </row>
    <row r="11" spans="1:41" ht="15.95" customHeight="1" x14ac:dyDescent="0.15">
      <c r="A11" s="219"/>
      <c r="B11" s="116"/>
      <c r="C11" s="116"/>
      <c r="D11" s="116"/>
      <c r="E11" s="275"/>
      <c r="F11" s="276"/>
      <c r="G11" s="276"/>
      <c r="H11" s="277"/>
      <c r="I11" s="115"/>
      <c r="J11" s="118"/>
      <c r="K11" s="118"/>
      <c r="L11" s="216"/>
      <c r="M11" s="155"/>
      <c r="N11" s="103"/>
      <c r="O11" s="103"/>
      <c r="P11" s="103"/>
      <c r="R11" s="103"/>
      <c r="S11" s="103"/>
      <c r="T11" s="103"/>
      <c r="U11" s="103"/>
      <c r="V11" s="103"/>
      <c r="W11" s="103"/>
      <c r="X11" s="103"/>
      <c r="Y11" s="103"/>
      <c r="Z11" s="103"/>
      <c r="AA11" s="103"/>
      <c r="AB11" s="177"/>
      <c r="AC11" s="92"/>
      <c r="AD11" s="102"/>
      <c r="AE11" s="102"/>
      <c r="AF11" s="102"/>
      <c r="AG11" s="251"/>
      <c r="AH11" s="151" t="s">
        <v>7</v>
      </c>
      <c r="AI11" s="92"/>
      <c r="AJ11" s="92"/>
      <c r="AK11" s="92"/>
      <c r="AL11" s="92"/>
      <c r="AM11" s="219"/>
      <c r="AN11" s="116"/>
      <c r="AO11" s="106"/>
    </row>
    <row r="12" spans="1:41" ht="15.95" customHeight="1" x14ac:dyDescent="0.15">
      <c r="A12" s="437" t="s">
        <v>271</v>
      </c>
      <c r="B12" s="438"/>
      <c r="C12" s="438"/>
      <c r="D12" s="439"/>
      <c r="E12" s="437" t="s">
        <v>272</v>
      </c>
      <c r="F12" s="438"/>
      <c r="G12" s="438"/>
      <c r="H12" s="439"/>
      <c r="I12" s="437" t="s">
        <v>130</v>
      </c>
      <c r="J12" s="438"/>
      <c r="K12" s="438"/>
      <c r="L12" s="439"/>
      <c r="M12" s="388" t="s">
        <v>7</v>
      </c>
      <c r="N12" s="208" t="s">
        <v>827</v>
      </c>
      <c r="O12" s="208"/>
      <c r="P12" s="207"/>
      <c r="Q12" s="140"/>
      <c r="R12" s="98"/>
      <c r="S12" s="208"/>
      <c r="T12" s="140"/>
      <c r="U12" s="98"/>
      <c r="V12" s="208"/>
      <c r="W12" s="98"/>
      <c r="X12" s="98"/>
      <c r="Y12" s="206"/>
      <c r="Z12" s="98"/>
      <c r="AA12" s="98"/>
      <c r="AB12" s="98"/>
      <c r="AC12" s="98"/>
      <c r="AD12" s="207"/>
      <c r="AE12" s="207"/>
      <c r="AF12" s="207"/>
      <c r="AG12" s="262"/>
      <c r="AH12" s="138" t="s">
        <v>7</v>
      </c>
      <c r="AI12" s="98" t="s">
        <v>127</v>
      </c>
      <c r="AJ12" s="98"/>
      <c r="AK12" s="98"/>
      <c r="AL12" s="142"/>
      <c r="AM12" s="141"/>
      <c r="AN12" s="98"/>
      <c r="AO12" s="142"/>
    </row>
    <row r="13" spans="1:41" ht="15.95" customHeight="1" x14ac:dyDescent="0.15">
      <c r="A13" s="449" t="s">
        <v>275</v>
      </c>
      <c r="B13" s="450"/>
      <c r="C13" s="450"/>
      <c r="D13" s="451"/>
      <c r="E13" s="148"/>
      <c r="F13" s="92"/>
      <c r="G13" s="92"/>
      <c r="H13" s="145"/>
      <c r="I13" s="449" t="s">
        <v>527</v>
      </c>
      <c r="J13" s="450"/>
      <c r="K13" s="450"/>
      <c r="L13" s="451"/>
      <c r="M13" s="155"/>
      <c r="N13" s="103" t="s">
        <v>828</v>
      </c>
      <c r="O13" s="103"/>
      <c r="P13" s="175"/>
      <c r="Q13" s="151"/>
      <c r="R13" s="92"/>
      <c r="S13" s="103"/>
      <c r="T13" s="151"/>
      <c r="U13" s="92"/>
      <c r="V13" s="103"/>
      <c r="W13" s="92"/>
      <c r="X13" s="92"/>
      <c r="Y13" s="102"/>
      <c r="Z13" s="92"/>
      <c r="AA13" s="92"/>
      <c r="AB13" s="92"/>
      <c r="AC13" s="92"/>
      <c r="AD13" s="175"/>
      <c r="AE13" s="175"/>
      <c r="AF13" s="175"/>
      <c r="AG13" s="251"/>
      <c r="AH13" s="146" t="s">
        <v>7</v>
      </c>
      <c r="AI13" s="92" t="s">
        <v>287</v>
      </c>
      <c r="AJ13" s="373"/>
      <c r="AK13" s="373"/>
      <c r="AL13" s="374"/>
      <c r="AM13" s="148"/>
      <c r="AN13" s="92"/>
      <c r="AO13" s="145"/>
    </row>
    <row r="14" spans="1:41" ht="15.95" customHeight="1" x14ac:dyDescent="0.15">
      <c r="A14" s="449" t="s">
        <v>279</v>
      </c>
      <c r="B14" s="450"/>
      <c r="C14" s="450"/>
      <c r="D14" s="450"/>
      <c r="E14" s="148"/>
      <c r="F14" s="92"/>
      <c r="G14" s="92"/>
      <c r="H14" s="145"/>
      <c r="I14" s="461" t="s">
        <v>590</v>
      </c>
      <c r="J14" s="462"/>
      <c r="K14" s="462"/>
      <c r="L14" s="463"/>
      <c r="M14" s="219"/>
      <c r="N14" s="116"/>
      <c r="O14" s="116"/>
      <c r="P14" s="116"/>
      <c r="Q14" s="116"/>
      <c r="R14" s="116"/>
      <c r="S14" s="116"/>
      <c r="T14" s="116"/>
      <c r="U14" s="116"/>
      <c r="V14" s="116"/>
      <c r="W14" s="116"/>
      <c r="X14" s="116"/>
      <c r="Y14" s="116"/>
      <c r="Z14" s="116"/>
      <c r="AA14" s="116"/>
      <c r="AB14" s="116"/>
      <c r="AC14" s="116"/>
      <c r="AD14" s="253"/>
      <c r="AE14" s="253"/>
      <c r="AF14" s="253"/>
      <c r="AG14" s="191"/>
      <c r="AH14" s="146" t="s">
        <v>7</v>
      </c>
      <c r="AI14" s="92" t="s">
        <v>169</v>
      </c>
      <c r="AJ14" s="92"/>
      <c r="AK14" s="92"/>
      <c r="AL14" s="145"/>
      <c r="AM14" s="148"/>
      <c r="AN14" s="92"/>
      <c r="AO14" s="145"/>
    </row>
    <row r="15" spans="1:41" ht="15.95" customHeight="1" x14ac:dyDescent="0.15">
      <c r="A15" s="162"/>
      <c r="B15" s="153"/>
      <c r="C15" s="153"/>
      <c r="D15" s="153"/>
      <c r="E15" s="148"/>
      <c r="F15" s="92"/>
      <c r="G15" s="92"/>
      <c r="H15" s="145"/>
      <c r="I15" s="437" t="s">
        <v>591</v>
      </c>
      <c r="J15" s="438"/>
      <c r="K15" s="438"/>
      <c r="L15" s="439"/>
      <c r="M15" s="403" t="s">
        <v>7</v>
      </c>
      <c r="N15" s="404" t="s">
        <v>592</v>
      </c>
      <c r="O15" s="208"/>
      <c r="P15" s="207"/>
      <c r="Q15" s="140"/>
      <c r="R15" s="98"/>
      <c r="S15" s="208"/>
      <c r="T15" s="140"/>
      <c r="U15" s="98"/>
      <c r="V15" s="208"/>
      <c r="W15" s="98"/>
      <c r="X15" s="98"/>
      <c r="Y15" s="206"/>
      <c r="Z15" s="98"/>
      <c r="AA15" s="98"/>
      <c r="AB15" s="98"/>
      <c r="AC15" s="98"/>
      <c r="AD15" s="207"/>
      <c r="AE15" s="207"/>
      <c r="AF15" s="207"/>
      <c r="AG15" s="262"/>
      <c r="AH15" s="146" t="s">
        <v>54</v>
      </c>
      <c r="AI15" s="92" t="s">
        <v>132</v>
      </c>
      <c r="AJ15" s="373"/>
      <c r="AK15" s="373"/>
      <c r="AL15" s="374"/>
      <c r="AM15" s="148"/>
      <c r="AN15" s="92"/>
      <c r="AO15" s="145"/>
    </row>
    <row r="16" spans="1:41" ht="15.95" customHeight="1" x14ac:dyDescent="0.15">
      <c r="A16" s="162"/>
      <c r="B16" s="153"/>
      <c r="C16" s="153"/>
      <c r="D16" s="153"/>
      <c r="E16" s="148"/>
      <c r="F16" s="92"/>
      <c r="G16" s="92"/>
      <c r="H16" s="145"/>
      <c r="I16" s="449" t="s">
        <v>593</v>
      </c>
      <c r="J16" s="450"/>
      <c r="K16" s="450"/>
      <c r="L16" s="451"/>
      <c r="M16" s="151"/>
      <c r="N16" s="92"/>
      <c r="O16" s="103"/>
      <c r="P16" s="175"/>
      <c r="Q16" s="151"/>
      <c r="R16" s="92"/>
      <c r="S16" s="103"/>
      <c r="T16" s="151"/>
      <c r="U16" s="92"/>
      <c r="V16" s="103"/>
      <c r="W16" s="92"/>
      <c r="X16" s="92"/>
      <c r="Y16" s="102"/>
      <c r="Z16" s="92"/>
      <c r="AA16" s="92"/>
      <c r="AB16" s="92"/>
      <c r="AC16" s="92"/>
      <c r="AD16" s="175"/>
      <c r="AE16" s="175"/>
      <c r="AF16" s="175"/>
      <c r="AG16" s="251"/>
      <c r="AH16" s="146" t="s">
        <v>54</v>
      </c>
      <c r="AI16" s="92" t="s">
        <v>784</v>
      </c>
      <c r="AJ16" s="373"/>
      <c r="AK16" s="373"/>
      <c r="AL16" s="374"/>
      <c r="AM16" s="148"/>
      <c r="AN16" s="92"/>
      <c r="AO16" s="145"/>
    </row>
    <row r="17" spans="1:41" ht="15.95" customHeight="1" x14ac:dyDescent="0.15">
      <c r="A17" s="149"/>
      <c r="E17" s="169"/>
      <c r="F17" s="105"/>
      <c r="G17" s="105"/>
      <c r="H17" s="170"/>
      <c r="I17" s="461" t="s">
        <v>380</v>
      </c>
      <c r="J17" s="462"/>
      <c r="K17" s="462"/>
      <c r="L17" s="463"/>
      <c r="M17" s="126"/>
      <c r="N17" s="105"/>
      <c r="O17" s="97"/>
      <c r="P17" s="253"/>
      <c r="Q17" s="126"/>
      <c r="R17" s="105"/>
      <c r="S17" s="97"/>
      <c r="T17" s="126"/>
      <c r="U17" s="105"/>
      <c r="V17" s="97"/>
      <c r="W17" s="105"/>
      <c r="X17" s="105"/>
      <c r="Y17" s="96"/>
      <c r="Z17" s="105"/>
      <c r="AA17" s="105"/>
      <c r="AB17" s="105"/>
      <c r="AC17" s="105"/>
      <c r="AD17" s="253"/>
      <c r="AE17" s="253"/>
      <c r="AF17" s="253"/>
      <c r="AG17" s="191"/>
      <c r="AH17" s="146" t="s">
        <v>54</v>
      </c>
      <c r="AI17" s="92" t="s">
        <v>829</v>
      </c>
      <c r="AJ17" s="373"/>
      <c r="AK17" s="373"/>
      <c r="AL17" s="374"/>
      <c r="AM17" s="148"/>
      <c r="AN17" s="92"/>
      <c r="AO17" s="145"/>
    </row>
    <row r="18" spans="1:41" ht="15.95" customHeight="1" x14ac:dyDescent="0.15">
      <c r="A18" s="494" t="s">
        <v>530</v>
      </c>
      <c r="B18" s="431"/>
      <c r="C18" s="431"/>
      <c r="D18" s="431"/>
      <c r="E18" s="449" t="s">
        <v>810</v>
      </c>
      <c r="F18" s="477"/>
      <c r="G18" s="477"/>
      <c r="H18" s="478"/>
      <c r="I18" s="437" t="s">
        <v>531</v>
      </c>
      <c r="J18" s="499"/>
      <c r="K18" s="499"/>
      <c r="L18" s="500"/>
      <c r="M18" s="151" t="s">
        <v>54</v>
      </c>
      <c r="N18" s="103" t="s">
        <v>273</v>
      </c>
      <c r="O18" s="103"/>
      <c r="P18" s="175" t="s">
        <v>25</v>
      </c>
      <c r="Q18" s="151" t="s">
        <v>7</v>
      </c>
      <c r="R18" s="92" t="s">
        <v>1</v>
      </c>
      <c r="S18" s="103"/>
      <c r="T18" s="151" t="s">
        <v>54</v>
      </c>
      <c r="U18" s="92" t="s">
        <v>738</v>
      </c>
      <c r="V18" s="103" t="s">
        <v>26</v>
      </c>
      <c r="W18" s="92"/>
      <c r="X18" s="92"/>
      <c r="Y18" s="102"/>
      <c r="Z18" s="92"/>
      <c r="AA18" s="92"/>
      <c r="AB18" s="92"/>
      <c r="AC18" s="92"/>
      <c r="AD18" s="175"/>
      <c r="AE18" s="175"/>
      <c r="AF18" s="175"/>
      <c r="AG18" s="251"/>
      <c r="AH18" s="146" t="s">
        <v>54</v>
      </c>
      <c r="AI18" s="92"/>
      <c r="AJ18" s="92"/>
      <c r="AK18" s="92"/>
      <c r="AL18" s="145"/>
      <c r="AM18" s="148"/>
      <c r="AN18" s="92"/>
      <c r="AO18" s="145"/>
    </row>
    <row r="19" spans="1:41" ht="15.95" customHeight="1" x14ac:dyDescent="0.15">
      <c r="A19" s="149"/>
      <c r="B19" s="232"/>
      <c r="C19" s="232"/>
      <c r="D19" s="233"/>
      <c r="E19" s="148"/>
      <c r="F19" s="124"/>
      <c r="G19" s="124"/>
      <c r="H19" s="157"/>
      <c r="I19" s="449" t="s">
        <v>533</v>
      </c>
      <c r="J19" s="477"/>
      <c r="K19" s="477"/>
      <c r="L19" s="478"/>
      <c r="M19" s="151" t="s">
        <v>54</v>
      </c>
      <c r="N19" s="103" t="s">
        <v>277</v>
      </c>
      <c r="O19" s="103"/>
      <c r="P19" s="175" t="s">
        <v>25</v>
      </c>
      <c r="Q19" s="151" t="s">
        <v>7</v>
      </c>
      <c r="R19" s="92" t="s">
        <v>1</v>
      </c>
      <c r="S19" s="103"/>
      <c r="T19" s="151" t="s">
        <v>54</v>
      </c>
      <c r="U19" s="92" t="s">
        <v>738</v>
      </c>
      <c r="V19" s="103" t="s">
        <v>26</v>
      </c>
      <c r="W19" s="92"/>
      <c r="X19" s="92"/>
      <c r="Y19" s="102"/>
      <c r="Z19" s="92"/>
      <c r="AA19" s="92"/>
      <c r="AB19" s="92"/>
      <c r="AC19" s="92"/>
      <c r="AD19" s="175"/>
      <c r="AE19" s="175"/>
      <c r="AF19" s="175"/>
      <c r="AG19" s="251"/>
      <c r="AH19" s="146" t="s">
        <v>54</v>
      </c>
      <c r="AI19" s="92"/>
      <c r="AJ19" s="92"/>
      <c r="AK19" s="92"/>
      <c r="AL19" s="145"/>
      <c r="AM19" s="148"/>
      <c r="AN19" s="92"/>
      <c r="AO19" s="145"/>
    </row>
    <row r="20" spans="1:41" ht="15.95" customHeight="1" x14ac:dyDescent="0.15">
      <c r="A20" s="149"/>
      <c r="B20" s="232"/>
      <c r="C20" s="232"/>
      <c r="D20" s="233"/>
      <c r="E20" s="148"/>
      <c r="F20" s="92"/>
      <c r="G20" s="92"/>
      <c r="H20" s="145"/>
      <c r="I20" s="449" t="s">
        <v>534</v>
      </c>
      <c r="J20" s="450"/>
      <c r="K20" s="450"/>
      <c r="L20" s="451"/>
      <c r="M20" s="151" t="s">
        <v>54</v>
      </c>
      <c r="N20" s="103" t="s">
        <v>280</v>
      </c>
      <c r="O20" s="103"/>
      <c r="P20" s="175" t="s">
        <v>25</v>
      </c>
      <c r="Q20" s="151" t="s">
        <v>7</v>
      </c>
      <c r="R20" s="92" t="s">
        <v>1</v>
      </c>
      <c r="S20" s="103"/>
      <c r="T20" s="151" t="s">
        <v>54</v>
      </c>
      <c r="U20" s="92" t="s">
        <v>738</v>
      </c>
      <c r="V20" s="103" t="s">
        <v>26</v>
      </c>
      <c r="W20" s="92"/>
      <c r="X20" s="92"/>
      <c r="Y20" s="102"/>
      <c r="Z20" s="92"/>
      <c r="AA20" s="92"/>
      <c r="AB20" s="92"/>
      <c r="AC20" s="92"/>
      <c r="AD20" s="175"/>
      <c r="AE20" s="175"/>
      <c r="AF20" s="175"/>
      <c r="AG20" s="251"/>
      <c r="AH20" s="146"/>
      <c r="AI20" s="92"/>
      <c r="AJ20" s="92"/>
      <c r="AK20" s="92"/>
      <c r="AL20" s="145"/>
      <c r="AM20" s="148"/>
      <c r="AN20" s="92"/>
      <c r="AO20" s="145"/>
    </row>
    <row r="21" spans="1:41" ht="15.95" customHeight="1" x14ac:dyDescent="0.15">
      <c r="A21" s="149"/>
      <c r="B21" s="232"/>
      <c r="C21" s="232"/>
      <c r="D21" s="233"/>
      <c r="E21" s="148"/>
      <c r="F21" s="92"/>
      <c r="G21" s="92"/>
      <c r="H21" s="145"/>
      <c r="I21" s="162"/>
      <c r="J21" s="92"/>
      <c r="K21" s="92"/>
      <c r="L21" s="145"/>
      <c r="M21" s="151" t="s">
        <v>54</v>
      </c>
      <c r="N21" s="92" t="s">
        <v>535</v>
      </c>
      <c r="O21" s="311"/>
      <c r="P21" s="311"/>
      <c r="Q21" s="311"/>
      <c r="R21" s="311"/>
      <c r="S21" s="311"/>
      <c r="T21" s="311"/>
      <c r="U21" s="311"/>
      <c r="V21" s="311"/>
      <c r="W21" s="311"/>
      <c r="X21" s="311"/>
      <c r="Y21" s="311"/>
      <c r="Z21" s="311"/>
      <c r="AA21" s="311"/>
      <c r="AB21" s="311"/>
      <c r="AC21" s="311"/>
      <c r="AD21" s="311"/>
      <c r="AE21" s="311"/>
      <c r="AF21" s="311"/>
      <c r="AG21" s="312"/>
      <c r="AH21" s="155"/>
      <c r="AI21" s="156"/>
      <c r="AJ21" s="92"/>
      <c r="AK21" s="92"/>
      <c r="AL21" s="145"/>
      <c r="AM21" s="148"/>
      <c r="AN21" s="92"/>
      <c r="AO21" s="145"/>
    </row>
    <row r="22" spans="1:41" ht="15.95" customHeight="1" x14ac:dyDescent="0.15">
      <c r="A22" s="146"/>
      <c r="E22" s="437" t="s">
        <v>284</v>
      </c>
      <c r="F22" s="499"/>
      <c r="G22" s="499"/>
      <c r="H22" s="500"/>
      <c r="I22" s="437" t="s">
        <v>285</v>
      </c>
      <c r="J22" s="499"/>
      <c r="K22" s="499"/>
      <c r="L22" s="500"/>
      <c r="M22" s="134" t="s">
        <v>66</v>
      </c>
      <c r="N22" s="208" t="s">
        <v>286</v>
      </c>
      <c r="O22" s="208"/>
      <c r="P22" s="208"/>
      <c r="Q22" s="208"/>
      <c r="R22" s="98"/>
      <c r="S22" s="208"/>
      <c r="T22" s="208"/>
      <c r="U22" s="208"/>
      <c r="V22" s="98"/>
      <c r="W22" s="206"/>
      <c r="X22" s="206"/>
      <c r="Y22" s="206"/>
      <c r="Z22" s="206"/>
      <c r="AA22" s="206"/>
      <c r="AB22" s="206"/>
      <c r="AC22" s="206"/>
      <c r="AD22" s="206"/>
      <c r="AE22" s="206"/>
      <c r="AF22" s="206"/>
      <c r="AG22" s="217"/>
      <c r="AH22" s="146"/>
      <c r="AI22" s="92"/>
      <c r="AJ22" s="92"/>
      <c r="AL22" s="104"/>
      <c r="AM22" s="148"/>
      <c r="AN22" s="92"/>
      <c r="AO22" s="145"/>
    </row>
    <row r="23" spans="1:41" ht="15.95" customHeight="1" x14ac:dyDescent="0.15">
      <c r="A23" s="149"/>
      <c r="B23" s="232"/>
      <c r="C23" s="232"/>
      <c r="D23" s="233"/>
      <c r="E23" s="162"/>
      <c r="F23" s="153"/>
      <c r="G23" s="153"/>
      <c r="H23" s="154"/>
      <c r="I23" s="449" t="s">
        <v>288</v>
      </c>
      <c r="J23" s="477"/>
      <c r="K23" s="477"/>
      <c r="L23" s="478"/>
      <c r="M23" s="155"/>
      <c r="N23" s="175" t="s">
        <v>94</v>
      </c>
      <c r="O23" s="151" t="s">
        <v>7</v>
      </c>
      <c r="P23" s="103" t="s">
        <v>594</v>
      </c>
      <c r="Q23" s="103"/>
      <c r="R23" s="92"/>
      <c r="S23" s="103"/>
      <c r="T23" s="103"/>
      <c r="U23" s="151" t="s">
        <v>54</v>
      </c>
      <c r="V23" s="92" t="s">
        <v>290</v>
      </c>
      <c r="W23" s="102"/>
      <c r="X23" s="151" t="s">
        <v>54</v>
      </c>
      <c r="Y23" s="103" t="s">
        <v>595</v>
      </c>
      <c r="Z23" s="102"/>
      <c r="AA23" s="102"/>
      <c r="AB23" s="102"/>
      <c r="AC23" s="102"/>
      <c r="AG23" s="152"/>
      <c r="AH23" s="146"/>
      <c r="AI23" s="92"/>
      <c r="AJ23" s="92"/>
      <c r="AK23" s="92"/>
      <c r="AL23" s="145"/>
      <c r="AM23" s="148"/>
      <c r="AN23" s="92"/>
      <c r="AO23" s="145"/>
    </row>
    <row r="24" spans="1:41" ht="15.95" customHeight="1" x14ac:dyDescent="0.15">
      <c r="A24" s="149"/>
      <c r="E24" s="162"/>
      <c r="F24" s="153"/>
      <c r="G24" s="153"/>
      <c r="H24" s="154"/>
      <c r="I24" s="162"/>
      <c r="J24" s="103"/>
      <c r="K24" s="103"/>
      <c r="L24" s="251"/>
      <c r="M24" s="155" t="s">
        <v>66</v>
      </c>
      <c r="N24" s="103" t="s">
        <v>292</v>
      </c>
      <c r="O24" s="103"/>
      <c r="P24" s="103"/>
      <c r="Q24" s="103"/>
      <c r="R24" s="92"/>
      <c r="S24" s="103"/>
      <c r="T24" s="103"/>
      <c r="U24" s="103"/>
      <c r="V24" s="92"/>
      <c r="W24" s="102"/>
      <c r="X24" s="102"/>
      <c r="Y24" s="102"/>
      <c r="Z24" s="102"/>
      <c r="AA24" s="102"/>
      <c r="AB24" s="102"/>
      <c r="AC24" s="102"/>
      <c r="AD24" s="102"/>
      <c r="AE24" s="102"/>
      <c r="AF24" s="102"/>
      <c r="AG24" s="152"/>
      <c r="AH24" s="146"/>
      <c r="AI24" s="92"/>
      <c r="AJ24" s="92"/>
      <c r="AK24" s="92"/>
      <c r="AL24" s="145"/>
      <c r="AM24" s="148"/>
      <c r="AN24" s="92"/>
      <c r="AO24" s="145"/>
    </row>
    <row r="25" spans="1:41" ht="15.95" customHeight="1" x14ac:dyDescent="0.15">
      <c r="A25" s="149"/>
      <c r="E25" s="169"/>
      <c r="F25" s="105"/>
      <c r="G25" s="105"/>
      <c r="H25" s="170"/>
      <c r="I25" s="169"/>
      <c r="J25" s="105"/>
      <c r="K25" s="105"/>
      <c r="L25" s="170"/>
      <c r="M25" s="212"/>
      <c r="N25" s="253" t="s">
        <v>94</v>
      </c>
      <c r="O25" s="126" t="s">
        <v>7</v>
      </c>
      <c r="P25" s="97" t="s">
        <v>293</v>
      </c>
      <c r="Q25" s="97"/>
      <c r="R25" s="105"/>
      <c r="S25" s="116"/>
      <c r="T25" s="116"/>
      <c r="U25" s="126" t="s">
        <v>54</v>
      </c>
      <c r="V25" s="105" t="s">
        <v>290</v>
      </c>
      <c r="W25" s="96"/>
      <c r="X25" s="126" t="s">
        <v>54</v>
      </c>
      <c r="Y25" s="97" t="s">
        <v>595</v>
      </c>
      <c r="Z25" s="96"/>
      <c r="AA25" s="96"/>
      <c r="AB25" s="96"/>
      <c r="AC25" s="96"/>
      <c r="AD25" s="116"/>
      <c r="AE25" s="116"/>
      <c r="AF25" s="116"/>
      <c r="AG25" s="259"/>
      <c r="AH25" s="148"/>
      <c r="AI25" s="92"/>
      <c r="AJ25" s="92"/>
      <c r="AK25" s="92"/>
      <c r="AL25" s="145"/>
      <c r="AM25" s="148"/>
      <c r="AN25" s="92"/>
      <c r="AO25" s="145"/>
    </row>
    <row r="26" spans="1:41" ht="15.95" customHeight="1" x14ac:dyDescent="0.15">
      <c r="A26" s="149"/>
      <c r="E26" s="504" t="s">
        <v>294</v>
      </c>
      <c r="F26" s="505"/>
      <c r="G26" s="505"/>
      <c r="H26" s="506"/>
      <c r="I26" s="437" t="s">
        <v>295</v>
      </c>
      <c r="J26" s="499"/>
      <c r="K26" s="499"/>
      <c r="L26" s="500"/>
      <c r="M26" s="151" t="s">
        <v>7</v>
      </c>
      <c r="N26" s="103" t="s">
        <v>296</v>
      </c>
      <c r="O26" s="103"/>
      <c r="P26" s="103"/>
      <c r="Q26" s="103" t="s">
        <v>297</v>
      </c>
      <c r="R26" s="92"/>
      <c r="S26" s="103"/>
      <c r="T26" s="431"/>
      <c r="U26" s="431"/>
      <c r="V26" s="431"/>
      <c r="W26" s="431"/>
      <c r="X26" s="431"/>
      <c r="Y26" s="431"/>
      <c r="Z26" s="431"/>
      <c r="AA26" s="431"/>
      <c r="AB26" s="92" t="s">
        <v>26</v>
      </c>
      <c r="AG26" s="152"/>
      <c r="AH26" s="146"/>
      <c r="AI26" s="92"/>
      <c r="AJ26" s="92"/>
      <c r="AK26" s="92"/>
      <c r="AL26" s="145"/>
      <c r="AM26" s="148"/>
      <c r="AN26" s="92"/>
      <c r="AO26" s="145"/>
    </row>
    <row r="27" spans="1:41" ht="15.95" customHeight="1" x14ac:dyDescent="0.15">
      <c r="A27" s="148"/>
      <c r="B27" s="92"/>
      <c r="C27" s="92"/>
      <c r="D27" s="145"/>
      <c r="E27" s="507"/>
      <c r="F27" s="508"/>
      <c r="G27" s="508"/>
      <c r="H27" s="509"/>
      <c r="I27" s="461" t="s">
        <v>298</v>
      </c>
      <c r="J27" s="462"/>
      <c r="K27" s="462"/>
      <c r="L27" s="463"/>
      <c r="M27" s="167" t="s">
        <v>54</v>
      </c>
      <c r="N27" s="97" t="s">
        <v>0</v>
      </c>
      <c r="O27" s="97"/>
      <c r="P27" s="97" t="s">
        <v>25</v>
      </c>
      <c r="Q27" s="456"/>
      <c r="R27" s="456"/>
      <c r="S27" s="456"/>
      <c r="T27" s="456"/>
      <c r="U27" s="456"/>
      <c r="V27" s="456"/>
      <c r="W27" s="456"/>
      <c r="X27" s="456"/>
      <c r="Y27" s="456"/>
      <c r="Z27" s="456"/>
      <c r="AA27" s="456"/>
      <c r="AB27" s="105" t="s">
        <v>26</v>
      </c>
      <c r="AC27" s="116"/>
      <c r="AD27" s="116"/>
      <c r="AE27" s="116"/>
      <c r="AF27" s="116"/>
      <c r="AG27" s="259"/>
      <c r="AH27" s="146"/>
      <c r="AI27" s="92"/>
      <c r="AJ27" s="92"/>
      <c r="AK27" s="92"/>
      <c r="AL27" s="145"/>
      <c r="AM27" s="148"/>
      <c r="AN27" s="92"/>
      <c r="AO27" s="145"/>
    </row>
    <row r="28" spans="1:41" ht="15.95" customHeight="1" x14ac:dyDescent="0.15">
      <c r="A28" s="148"/>
      <c r="B28" s="92"/>
      <c r="C28" s="92"/>
      <c r="D28" s="145"/>
      <c r="E28" s="507"/>
      <c r="F28" s="508"/>
      <c r="G28" s="508"/>
      <c r="H28" s="509"/>
      <c r="I28" s="449" t="s">
        <v>299</v>
      </c>
      <c r="J28" s="477"/>
      <c r="K28" s="477"/>
      <c r="L28" s="478"/>
      <c r="M28" s="151" t="s">
        <v>7</v>
      </c>
      <c r="N28" s="103" t="s">
        <v>300</v>
      </c>
      <c r="O28" s="103"/>
      <c r="P28" s="103"/>
      <c r="Q28" s="103"/>
      <c r="R28" s="92"/>
      <c r="S28" s="103"/>
      <c r="T28" s="92"/>
      <c r="U28" s="102"/>
      <c r="V28" s="103"/>
      <c r="W28" s="103"/>
      <c r="X28" s="102"/>
      <c r="Y28" s="102"/>
      <c r="Z28" s="102"/>
      <c r="AA28" s="102"/>
      <c r="AB28" s="92"/>
      <c r="AG28" s="152"/>
      <c r="AH28" s="155"/>
      <c r="AI28" s="92"/>
      <c r="AJ28" s="92"/>
      <c r="AK28" s="92"/>
      <c r="AL28" s="145"/>
      <c r="AM28" s="148"/>
      <c r="AN28" s="92"/>
      <c r="AO28" s="145"/>
    </row>
    <row r="29" spans="1:41" ht="15.95" customHeight="1" x14ac:dyDescent="0.15">
      <c r="A29" s="148"/>
      <c r="B29" s="92"/>
      <c r="C29" s="92"/>
      <c r="D29" s="145"/>
      <c r="E29" s="92"/>
      <c r="F29" s="92"/>
      <c r="G29" s="92"/>
      <c r="H29" s="145"/>
      <c r="I29" s="148"/>
      <c r="J29" s="92"/>
      <c r="K29" s="92"/>
      <c r="L29" s="145"/>
      <c r="M29" s="155"/>
      <c r="N29" s="510" t="s">
        <v>158</v>
      </c>
      <c r="O29" s="510"/>
      <c r="P29" s="103" t="s">
        <v>25</v>
      </c>
      <c r="Q29" s="431"/>
      <c r="R29" s="431"/>
      <c r="S29" s="431"/>
      <c r="T29" s="431"/>
      <c r="U29" s="431"/>
      <c r="V29" s="431"/>
      <c r="W29" s="431"/>
      <c r="X29" s="431"/>
      <c r="Y29" s="431"/>
      <c r="Z29" s="431"/>
      <c r="AA29" s="431"/>
      <c r="AB29" s="92" t="s">
        <v>26</v>
      </c>
      <c r="AG29" s="152"/>
      <c r="AH29" s="155"/>
      <c r="AI29" s="92"/>
      <c r="AJ29" s="92"/>
      <c r="AK29" s="92"/>
      <c r="AL29" s="145"/>
      <c r="AM29" s="148"/>
      <c r="AN29" s="92"/>
      <c r="AO29" s="145"/>
    </row>
    <row r="30" spans="1:41" ht="15.95" customHeight="1" x14ac:dyDescent="0.15">
      <c r="A30" s="148"/>
      <c r="B30" s="92"/>
      <c r="C30" s="92"/>
      <c r="D30" s="145"/>
      <c r="E30" s="105"/>
      <c r="F30" s="105"/>
      <c r="G30" s="105"/>
      <c r="H30" s="170"/>
      <c r="I30" s="169"/>
      <c r="J30" s="105"/>
      <c r="K30" s="105"/>
      <c r="L30" s="170"/>
      <c r="M30" s="212"/>
      <c r="N30" s="126" t="s">
        <v>54</v>
      </c>
      <c r="O30" s="97" t="s">
        <v>0</v>
      </c>
      <c r="P30" s="97"/>
      <c r="Q30" s="97" t="s">
        <v>25</v>
      </c>
      <c r="R30" s="456"/>
      <c r="S30" s="456"/>
      <c r="T30" s="456"/>
      <c r="U30" s="456"/>
      <c r="V30" s="456"/>
      <c r="W30" s="456"/>
      <c r="X30" s="456"/>
      <c r="Y30" s="456"/>
      <c r="Z30" s="456"/>
      <c r="AA30" s="456"/>
      <c r="AB30" s="105" t="s">
        <v>26</v>
      </c>
      <c r="AC30" s="116"/>
      <c r="AD30" s="116"/>
      <c r="AE30" s="116"/>
      <c r="AF30" s="116"/>
      <c r="AG30" s="259"/>
      <c r="AH30" s="155"/>
      <c r="AI30" s="92"/>
      <c r="AJ30" s="92"/>
      <c r="AK30" s="92"/>
      <c r="AL30" s="145"/>
      <c r="AM30" s="148"/>
      <c r="AN30" s="92"/>
      <c r="AO30" s="145"/>
    </row>
    <row r="31" spans="1:41" ht="15.95" customHeight="1" x14ac:dyDescent="0.15">
      <c r="A31" s="148"/>
      <c r="B31" s="92"/>
      <c r="C31" s="92"/>
      <c r="D31" s="145"/>
      <c r="E31" s="438" t="s">
        <v>301</v>
      </c>
      <c r="F31" s="499"/>
      <c r="G31" s="499"/>
      <c r="H31" s="500"/>
      <c r="I31" s="437" t="s">
        <v>302</v>
      </c>
      <c r="J31" s="499"/>
      <c r="K31" s="499"/>
      <c r="L31" s="500"/>
      <c r="M31" s="155" t="s">
        <v>66</v>
      </c>
      <c r="N31" s="103" t="s">
        <v>303</v>
      </c>
      <c r="O31" s="103"/>
      <c r="P31" s="103"/>
      <c r="Q31" s="103"/>
      <c r="R31" s="92"/>
      <c r="S31" s="103"/>
      <c r="T31" s="92"/>
      <c r="U31" s="102"/>
      <c r="V31" s="103"/>
      <c r="W31" s="103"/>
      <c r="X31" s="102"/>
      <c r="Y31" s="102"/>
      <c r="Z31" s="102"/>
      <c r="AA31" s="102"/>
      <c r="AB31" s="92"/>
      <c r="AG31" s="102"/>
      <c r="AH31" s="146"/>
      <c r="AI31" s="92"/>
      <c r="AJ31" s="92"/>
      <c r="AK31" s="92"/>
      <c r="AL31" s="145"/>
      <c r="AM31" s="148"/>
      <c r="AN31" s="92"/>
      <c r="AO31" s="145"/>
    </row>
    <row r="32" spans="1:41" ht="15.95" customHeight="1" x14ac:dyDescent="0.15">
      <c r="A32" s="148"/>
      <c r="B32" s="92"/>
      <c r="C32" s="92"/>
      <c r="D32" s="145"/>
      <c r="E32" s="92"/>
      <c r="F32" s="92"/>
      <c r="G32" s="92"/>
      <c r="H32" s="145"/>
      <c r="I32" s="449" t="s">
        <v>304</v>
      </c>
      <c r="J32" s="450"/>
      <c r="K32" s="450"/>
      <c r="L32" s="451"/>
      <c r="M32" s="155"/>
      <c r="N32" s="175" t="s">
        <v>305</v>
      </c>
      <c r="O32" s="151" t="s">
        <v>54</v>
      </c>
      <c r="P32" s="103" t="s">
        <v>306</v>
      </c>
      <c r="Q32" s="103"/>
      <c r="R32" s="151" t="s">
        <v>7</v>
      </c>
      <c r="S32" s="103" t="s">
        <v>742</v>
      </c>
      <c r="T32" s="92"/>
      <c r="U32" s="102"/>
      <c r="V32" s="151" t="s">
        <v>54</v>
      </c>
      <c r="W32" s="103" t="s">
        <v>0</v>
      </c>
      <c r="X32" s="103"/>
      <c r="Y32" s="91" t="s">
        <v>25</v>
      </c>
      <c r="Z32" s="431"/>
      <c r="AA32" s="431"/>
      <c r="AB32" s="431"/>
      <c r="AC32" s="431"/>
      <c r="AD32" s="431"/>
      <c r="AE32" s="431"/>
      <c r="AF32" s="431"/>
      <c r="AG32" s="103" t="s">
        <v>148</v>
      </c>
      <c r="AH32" s="146"/>
      <c r="AL32" s="104"/>
      <c r="AM32" s="148"/>
      <c r="AN32" s="92"/>
      <c r="AO32" s="145"/>
    </row>
    <row r="33" spans="1:41" ht="15.95" customHeight="1" x14ac:dyDescent="0.15">
      <c r="A33" s="148"/>
      <c r="B33" s="92"/>
      <c r="C33" s="92"/>
      <c r="D33" s="145"/>
      <c r="E33" s="92"/>
      <c r="F33" s="92"/>
      <c r="G33" s="92"/>
      <c r="H33" s="145"/>
      <c r="I33" s="148"/>
      <c r="J33" s="92"/>
      <c r="K33" s="92"/>
      <c r="L33" s="145"/>
      <c r="M33" s="155" t="s">
        <v>66</v>
      </c>
      <c r="N33" s="103" t="s">
        <v>307</v>
      </c>
      <c r="O33" s="103"/>
      <c r="P33" s="103"/>
      <c r="Q33" s="103"/>
      <c r="R33" s="92"/>
      <c r="S33" s="103"/>
      <c r="T33" s="92"/>
      <c r="U33" s="102"/>
      <c r="V33" s="103"/>
      <c r="W33" s="103"/>
      <c r="X33" s="102"/>
      <c r="Z33" s="102"/>
      <c r="AA33" s="102"/>
      <c r="AB33" s="92"/>
      <c r="AG33" s="102"/>
      <c r="AH33" s="121"/>
      <c r="AI33" s="92"/>
      <c r="AJ33" s="92"/>
      <c r="AK33" s="92"/>
      <c r="AL33" s="145"/>
      <c r="AM33" s="148"/>
      <c r="AN33" s="92"/>
      <c r="AO33" s="145"/>
    </row>
    <row r="34" spans="1:41" ht="15.95" customHeight="1" x14ac:dyDescent="0.15">
      <c r="A34" s="148"/>
      <c r="B34" s="92"/>
      <c r="C34" s="92"/>
      <c r="D34" s="145"/>
      <c r="E34" s="92"/>
      <c r="F34" s="92"/>
      <c r="G34" s="92"/>
      <c r="H34" s="145"/>
      <c r="I34" s="148"/>
      <c r="J34" s="92"/>
      <c r="K34" s="92"/>
      <c r="L34" s="145"/>
      <c r="M34" s="155"/>
      <c r="N34" s="175" t="s">
        <v>305</v>
      </c>
      <c r="O34" s="151" t="s">
        <v>54</v>
      </c>
      <c r="P34" s="103" t="s">
        <v>306</v>
      </c>
      <c r="Q34" s="103"/>
      <c r="R34" s="151" t="s">
        <v>7</v>
      </c>
      <c r="S34" s="103" t="s">
        <v>742</v>
      </c>
      <c r="T34" s="92"/>
      <c r="U34" s="102"/>
      <c r="V34" s="151" t="s">
        <v>54</v>
      </c>
      <c r="W34" s="103" t="s">
        <v>0</v>
      </c>
      <c r="X34" s="103"/>
      <c r="Y34" s="91" t="s">
        <v>25</v>
      </c>
      <c r="Z34" s="431"/>
      <c r="AA34" s="431"/>
      <c r="AB34" s="431"/>
      <c r="AC34" s="431"/>
      <c r="AD34" s="431"/>
      <c r="AE34" s="431"/>
      <c r="AF34" s="431"/>
      <c r="AG34" s="103" t="s">
        <v>148</v>
      </c>
      <c r="AH34" s="121"/>
      <c r="AI34" s="92"/>
      <c r="AJ34" s="92"/>
      <c r="AK34" s="92"/>
      <c r="AL34" s="145"/>
      <c r="AM34" s="148"/>
      <c r="AN34" s="92"/>
      <c r="AO34" s="145"/>
    </row>
    <row r="35" spans="1:41" ht="15.95" customHeight="1" x14ac:dyDescent="0.15">
      <c r="A35" s="148"/>
      <c r="B35" s="92"/>
      <c r="C35" s="92"/>
      <c r="D35" s="145"/>
      <c r="E35" s="92"/>
      <c r="F35" s="92"/>
      <c r="G35" s="92"/>
      <c r="H35" s="145"/>
      <c r="I35" s="148"/>
      <c r="J35" s="92"/>
      <c r="K35" s="92"/>
      <c r="L35" s="145"/>
      <c r="M35" s="155" t="s">
        <v>66</v>
      </c>
      <c r="N35" s="103" t="s">
        <v>308</v>
      </c>
      <c r="O35" s="103"/>
      <c r="P35" s="103"/>
      <c r="Q35" s="103"/>
      <c r="R35" s="92"/>
      <c r="S35" s="103"/>
      <c r="T35" s="92"/>
      <c r="U35" s="102"/>
      <c r="V35" s="103"/>
      <c r="W35" s="103"/>
      <c r="X35" s="102"/>
      <c r="Z35" s="102"/>
      <c r="AA35" s="102"/>
      <c r="AB35" s="92"/>
      <c r="AG35" s="102"/>
      <c r="AH35" s="155"/>
      <c r="AI35" s="182"/>
      <c r="AJ35" s="182"/>
      <c r="AK35" s="182"/>
      <c r="AL35" s="210"/>
      <c r="AM35" s="148"/>
      <c r="AN35" s="92"/>
      <c r="AO35" s="145"/>
    </row>
    <row r="36" spans="1:41" ht="15.95" customHeight="1" x14ac:dyDescent="0.15">
      <c r="A36" s="148"/>
      <c r="B36" s="92"/>
      <c r="C36" s="92"/>
      <c r="D36" s="145"/>
      <c r="E36" s="92"/>
      <c r="F36" s="92"/>
      <c r="G36" s="92"/>
      <c r="H36" s="145"/>
      <c r="I36" s="148"/>
      <c r="J36" s="92"/>
      <c r="K36" s="92"/>
      <c r="L36" s="145"/>
      <c r="M36" s="155"/>
      <c r="N36" s="175" t="s">
        <v>305</v>
      </c>
      <c r="O36" s="151" t="s">
        <v>54</v>
      </c>
      <c r="P36" s="103" t="s">
        <v>306</v>
      </c>
      <c r="Q36" s="103"/>
      <c r="R36" s="151" t="s">
        <v>7</v>
      </c>
      <c r="S36" s="103" t="s">
        <v>742</v>
      </c>
      <c r="T36" s="92"/>
      <c r="U36" s="102"/>
      <c r="V36" s="151" t="s">
        <v>54</v>
      </c>
      <c r="W36" s="103" t="s">
        <v>0</v>
      </c>
      <c r="X36" s="103"/>
      <c r="Y36" s="91" t="s">
        <v>25</v>
      </c>
      <c r="Z36" s="431"/>
      <c r="AA36" s="431"/>
      <c r="AB36" s="431"/>
      <c r="AC36" s="431"/>
      <c r="AD36" s="431"/>
      <c r="AE36" s="431"/>
      <c r="AF36" s="431"/>
      <c r="AG36" s="103" t="s">
        <v>148</v>
      </c>
      <c r="AH36" s="155"/>
      <c r="AI36" s="156"/>
      <c r="AJ36" s="92"/>
      <c r="AK36" s="92"/>
      <c r="AL36" s="145"/>
      <c r="AM36" s="148"/>
      <c r="AN36" s="92"/>
      <c r="AO36" s="145"/>
    </row>
    <row r="37" spans="1:41" ht="15.95" customHeight="1" x14ac:dyDescent="0.15">
      <c r="A37" s="148"/>
      <c r="B37" s="92"/>
      <c r="C37" s="92"/>
      <c r="D37" s="145"/>
      <c r="E37" s="92"/>
      <c r="F37" s="92"/>
      <c r="G37" s="92"/>
      <c r="H37" s="145"/>
      <c r="I37" s="148"/>
      <c r="J37" s="92"/>
      <c r="K37" s="92"/>
      <c r="L37" s="145"/>
      <c r="M37" s="155" t="s">
        <v>66</v>
      </c>
      <c r="N37" s="103" t="s">
        <v>309</v>
      </c>
      <c r="O37" s="103"/>
      <c r="P37" s="103"/>
      <c r="Q37" s="103"/>
      <c r="R37" s="92"/>
      <c r="S37" s="103"/>
      <c r="T37" s="92"/>
      <c r="U37" s="102"/>
      <c r="V37" s="103"/>
      <c r="W37" s="103"/>
      <c r="X37" s="102"/>
      <c r="Z37" s="102"/>
      <c r="AA37" s="102"/>
      <c r="AB37" s="92"/>
      <c r="AG37" s="102"/>
      <c r="AH37" s="148"/>
      <c r="AI37" s="92"/>
      <c r="AJ37" s="92"/>
      <c r="AK37" s="92"/>
      <c r="AL37" s="145"/>
      <c r="AM37" s="148"/>
      <c r="AN37" s="92"/>
      <c r="AO37" s="104"/>
    </row>
    <row r="38" spans="1:41" ht="15.95" customHeight="1" x14ac:dyDescent="0.15">
      <c r="A38" s="148"/>
      <c r="B38" s="92"/>
      <c r="C38" s="92"/>
      <c r="D38" s="145"/>
      <c r="E38" s="92"/>
      <c r="F38" s="92"/>
      <c r="G38" s="92"/>
      <c r="H38" s="145"/>
      <c r="I38" s="148"/>
      <c r="J38" s="92"/>
      <c r="K38" s="92"/>
      <c r="L38" s="145"/>
      <c r="M38" s="155"/>
      <c r="N38" s="175" t="s">
        <v>305</v>
      </c>
      <c r="O38" s="151" t="s">
        <v>54</v>
      </c>
      <c r="P38" s="103" t="s">
        <v>306</v>
      </c>
      <c r="Q38" s="103"/>
      <c r="R38" s="151" t="s">
        <v>7</v>
      </c>
      <c r="S38" s="103" t="s">
        <v>742</v>
      </c>
      <c r="T38" s="92"/>
      <c r="U38" s="102"/>
      <c r="V38" s="151" t="s">
        <v>54</v>
      </c>
      <c r="W38" s="103" t="s">
        <v>0</v>
      </c>
      <c r="X38" s="103"/>
      <c r="Y38" s="91" t="s">
        <v>25</v>
      </c>
      <c r="Z38" s="431"/>
      <c r="AA38" s="431"/>
      <c r="AB38" s="431"/>
      <c r="AC38" s="431"/>
      <c r="AD38" s="431"/>
      <c r="AE38" s="431"/>
      <c r="AF38" s="431"/>
      <c r="AG38" s="103" t="s">
        <v>148</v>
      </c>
      <c r="AH38" s="148"/>
      <c r="AI38" s="92"/>
      <c r="AJ38" s="92"/>
      <c r="AK38" s="92"/>
      <c r="AL38" s="145"/>
      <c r="AM38" s="148"/>
      <c r="AN38" s="92"/>
      <c r="AO38" s="104"/>
    </row>
    <row r="39" spans="1:41" ht="15.95" customHeight="1" x14ac:dyDescent="0.15">
      <c r="A39" s="148"/>
      <c r="B39" s="92"/>
      <c r="C39" s="92"/>
      <c r="D39" s="145"/>
      <c r="E39" s="92"/>
      <c r="F39" s="92"/>
      <c r="G39" s="92"/>
      <c r="H39" s="145"/>
      <c r="I39" s="148"/>
      <c r="J39" s="92"/>
      <c r="K39" s="92"/>
      <c r="L39" s="145"/>
      <c r="M39" s="155" t="s">
        <v>66</v>
      </c>
      <c r="N39" s="103" t="s">
        <v>310</v>
      </c>
      <c r="O39" s="103"/>
      <c r="P39" s="103"/>
      <c r="Q39" s="103"/>
      <c r="R39" s="92"/>
      <c r="S39" s="103"/>
      <c r="T39" s="92"/>
      <c r="U39" s="102"/>
      <c r="V39" s="103"/>
      <c r="W39" s="103"/>
      <c r="X39" s="102"/>
      <c r="Z39" s="102"/>
      <c r="AA39" s="102"/>
      <c r="AB39" s="92"/>
      <c r="AG39" s="102"/>
      <c r="AH39" s="155"/>
      <c r="AI39" s="92"/>
      <c r="AJ39" s="92"/>
      <c r="AK39" s="92"/>
      <c r="AL39" s="145"/>
      <c r="AM39" s="149"/>
      <c r="AO39" s="104"/>
    </row>
    <row r="40" spans="1:41" ht="15.95" customHeight="1" x14ac:dyDescent="0.15">
      <c r="A40" s="169"/>
      <c r="B40" s="105"/>
      <c r="C40" s="105"/>
      <c r="D40" s="170"/>
      <c r="E40" s="105"/>
      <c r="F40" s="105"/>
      <c r="G40" s="105"/>
      <c r="H40" s="170"/>
      <c r="I40" s="169"/>
      <c r="J40" s="105"/>
      <c r="K40" s="105"/>
      <c r="L40" s="170"/>
      <c r="M40" s="212"/>
      <c r="N40" s="253" t="s">
        <v>305</v>
      </c>
      <c r="O40" s="126" t="s">
        <v>54</v>
      </c>
      <c r="P40" s="97" t="s">
        <v>306</v>
      </c>
      <c r="Q40" s="97"/>
      <c r="R40" s="126" t="s">
        <v>7</v>
      </c>
      <c r="S40" s="97" t="s">
        <v>742</v>
      </c>
      <c r="T40" s="105"/>
      <c r="U40" s="96"/>
      <c r="V40" s="126" t="s">
        <v>54</v>
      </c>
      <c r="W40" s="97" t="s">
        <v>0</v>
      </c>
      <c r="X40" s="97"/>
      <c r="Y40" s="116" t="s">
        <v>25</v>
      </c>
      <c r="Z40" s="456"/>
      <c r="AA40" s="456"/>
      <c r="AB40" s="456"/>
      <c r="AC40" s="456"/>
      <c r="AD40" s="456"/>
      <c r="AE40" s="456"/>
      <c r="AF40" s="456"/>
      <c r="AG40" s="97" t="s">
        <v>148</v>
      </c>
      <c r="AH40" s="212"/>
      <c r="AI40" s="200"/>
      <c r="AJ40" s="200"/>
      <c r="AK40" s="200"/>
      <c r="AL40" s="213"/>
      <c r="AM40" s="219"/>
      <c r="AN40" s="116"/>
      <c r="AO40" s="106"/>
    </row>
    <row r="41" spans="1:41" ht="15.95" customHeight="1" x14ac:dyDescent="0.15">
      <c r="A41" s="91" t="s">
        <v>743</v>
      </c>
    </row>
    <row r="42" spans="1:41" ht="15.95" customHeight="1" x14ac:dyDescent="0.15"/>
    <row r="43" spans="1:41" ht="15.95" customHeight="1" x14ac:dyDescent="0.15"/>
    <row r="44" spans="1:41" ht="15.95" customHeight="1" x14ac:dyDescent="0.15"/>
    <row r="45" spans="1:41" ht="15.95" customHeight="1" x14ac:dyDescent="0.15">
      <c r="A45" s="258"/>
      <c r="B45" s="153"/>
      <c r="C45" s="153"/>
      <c r="D45" s="153"/>
      <c r="P45" s="91" t="s">
        <v>313</v>
      </c>
    </row>
    <row r="46" spans="1:41" ht="15.95" customHeight="1" x14ac:dyDescent="0.15">
      <c r="A46" s="260"/>
    </row>
    <row r="47" spans="1:41" ht="15.95" customHeight="1" x14ac:dyDescent="0.15">
      <c r="A47" s="260"/>
    </row>
    <row r="48" spans="1:41" ht="15.95" customHeight="1" x14ac:dyDescent="0.15">
      <c r="A48" s="260"/>
    </row>
    <row r="49" spans="1:1" ht="15.95" customHeight="1" x14ac:dyDescent="0.15">
      <c r="A49" s="260"/>
    </row>
    <row r="50" spans="1:1" ht="15.95" customHeight="1" x14ac:dyDescent="0.15">
      <c r="A50" s="260"/>
    </row>
    <row r="51" spans="1:1" ht="15.95" customHeight="1" x14ac:dyDescent="0.15">
      <c r="A51" s="260"/>
    </row>
    <row r="52" spans="1:1" ht="15.95" customHeight="1" x14ac:dyDescent="0.15">
      <c r="A52" s="260"/>
    </row>
    <row r="53" spans="1:1" ht="15.95" customHeight="1" x14ac:dyDescent="0.15"/>
    <row r="54" spans="1:1" ht="15.95" customHeight="1" x14ac:dyDescent="0.15"/>
    <row r="55" spans="1:1" ht="15.95" customHeight="1" x14ac:dyDescent="0.15"/>
    <row r="56" spans="1:1" ht="15.95" customHeight="1" x14ac:dyDescent="0.15"/>
    <row r="57" spans="1:1" ht="15.95" customHeight="1" x14ac:dyDescent="0.15"/>
    <row r="58" spans="1:1" ht="15.95" customHeight="1" x14ac:dyDescent="0.15"/>
    <row r="59" spans="1:1" ht="15.95" customHeight="1" x14ac:dyDescent="0.15"/>
    <row r="60" spans="1:1" ht="15.95" customHeight="1" x14ac:dyDescent="0.15"/>
    <row r="61" spans="1:1" ht="15.95" customHeight="1" x14ac:dyDescent="0.15"/>
    <row r="62" spans="1:1" ht="15.95" customHeight="1" x14ac:dyDescent="0.15"/>
    <row r="63" spans="1:1" ht="15.95" customHeight="1" x14ac:dyDescent="0.15"/>
    <row r="64" spans="1:1" ht="15.95" customHeight="1" x14ac:dyDescent="0.15"/>
    <row r="65" ht="15.95" customHeight="1" x14ac:dyDescent="0.15"/>
    <row r="66" ht="15.95" customHeight="1" x14ac:dyDescent="0.15"/>
    <row r="67" ht="15.95" customHeight="1" x14ac:dyDescent="0.15"/>
    <row r="68" ht="15.95" customHeight="1" x14ac:dyDescent="0.15"/>
    <row r="69" ht="15.95" customHeight="1" x14ac:dyDescent="0.15"/>
    <row r="70" ht="15.95" customHeight="1" x14ac:dyDescent="0.15"/>
    <row r="71" ht="15.95" customHeight="1" x14ac:dyDescent="0.15"/>
    <row r="72" ht="15.95" customHeight="1" x14ac:dyDescent="0.15"/>
    <row r="73" ht="15.95" customHeight="1" x14ac:dyDescent="0.15"/>
    <row r="74" ht="15.95" customHeight="1" x14ac:dyDescent="0.15"/>
    <row r="75" ht="15.95" customHeight="1" x14ac:dyDescent="0.15"/>
    <row r="76" ht="15.95" customHeight="1" x14ac:dyDescent="0.15"/>
    <row r="77" ht="15.95" customHeight="1" x14ac:dyDescent="0.15"/>
    <row r="78" ht="15.95" customHeight="1" x14ac:dyDescent="0.15"/>
    <row r="79" ht="15.95" customHeight="1" x14ac:dyDescent="0.15"/>
    <row r="80"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sheetData>
  <mergeCells count="56">
    <mergeCell ref="Z34:AF34"/>
    <mergeCell ref="Z36:AF36"/>
    <mergeCell ref="Z38:AF38"/>
    <mergeCell ref="Z40:AF40"/>
    <mergeCell ref="N29:O29"/>
    <mergeCell ref="Q29:AA29"/>
    <mergeCell ref="R30:AA30"/>
    <mergeCell ref="Z32:AF32"/>
    <mergeCell ref="T26:AA26"/>
    <mergeCell ref="I27:L27"/>
    <mergeCell ref="Q27:AA27"/>
    <mergeCell ref="I28:L28"/>
    <mergeCell ref="A12:D12"/>
    <mergeCell ref="E12:H12"/>
    <mergeCell ref="I12:L12"/>
    <mergeCell ref="E22:H22"/>
    <mergeCell ref="I22:L22"/>
    <mergeCell ref="I23:L23"/>
    <mergeCell ref="E26:H28"/>
    <mergeCell ref="I26:L26"/>
    <mergeCell ref="E31:H31"/>
    <mergeCell ref="I31:L31"/>
    <mergeCell ref="I32:L32"/>
    <mergeCell ref="I20:L20"/>
    <mergeCell ref="A13:D13"/>
    <mergeCell ref="I13:L13"/>
    <mergeCell ref="A14:D14"/>
    <mergeCell ref="I14:L14"/>
    <mergeCell ref="I15:L15"/>
    <mergeCell ref="I16:L16"/>
    <mergeCell ref="I17:L17"/>
    <mergeCell ref="A18:D18"/>
    <mergeCell ref="E18:H18"/>
    <mergeCell ref="I18:L18"/>
    <mergeCell ref="I19:L19"/>
    <mergeCell ref="AM8:AO8"/>
    <mergeCell ref="E9:H9"/>
    <mergeCell ref="I9:L9"/>
    <mergeCell ref="M9:AG9"/>
    <mergeCell ref="AM9:AO9"/>
    <mergeCell ref="A10:D10"/>
    <mergeCell ref="W10:AB10"/>
    <mergeCell ref="A2:M2"/>
    <mergeCell ref="N2:AO2"/>
    <mergeCell ref="A3:M3"/>
    <mergeCell ref="N3:AO3"/>
    <mergeCell ref="A4:M4"/>
    <mergeCell ref="N4:AO4"/>
    <mergeCell ref="A5:M5"/>
    <mergeCell ref="N5:AO5"/>
    <mergeCell ref="A6:M6"/>
    <mergeCell ref="N6:AO6"/>
    <mergeCell ref="A8:D9"/>
    <mergeCell ref="E8:H8"/>
    <mergeCell ref="I8:AG8"/>
    <mergeCell ref="AH8:AL9"/>
  </mergeCells>
  <phoneticPr fontId="20"/>
  <dataValidations count="1">
    <dataValidation type="list" allowBlank="1" showInputMessage="1" showErrorMessage="1" sqref="M12 T16:T20 O23 O25 U25 X25 M26:M28 N30 O32 R32 V32 O34 R34 V34 O36 R36 V36 O38 R38 V38 O40 R40 V40 U23 X23 Q16:Q20 M15:M21 AH10:AH19">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sheetPr>
  <dimension ref="A1:AO196"/>
  <sheetViews>
    <sheetView showGridLines="0" view="pageBreakPreview" zoomScale="85" zoomScaleNormal="85" zoomScaleSheetLayoutView="85" workbookViewId="0"/>
  </sheetViews>
  <sheetFormatPr defaultRowHeight="12" x14ac:dyDescent="0.15"/>
  <cols>
    <col min="1" max="42" width="2.625" style="328" customWidth="1"/>
    <col min="43" max="16384" width="9" style="328"/>
  </cols>
  <sheetData>
    <row r="1" spans="1:41" ht="30" customHeight="1" x14ac:dyDescent="0.15">
      <c r="A1" s="87" t="s">
        <v>830</v>
      </c>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M1" s="91"/>
      <c r="AN1" s="91"/>
      <c r="AO1" s="261" t="s">
        <v>646</v>
      </c>
    </row>
    <row r="2" spans="1:41" ht="15.75" customHeight="1" x14ac:dyDescent="0.15">
      <c r="A2" s="91"/>
      <c r="B2" s="88"/>
      <c r="C2" s="88"/>
      <c r="D2" s="88"/>
      <c r="E2" s="88"/>
      <c r="F2" s="89"/>
      <c r="G2" s="89"/>
      <c r="H2" s="89"/>
      <c r="I2" s="88"/>
      <c r="J2" s="88"/>
      <c r="K2" s="88"/>
      <c r="L2" s="88"/>
      <c r="M2" s="88"/>
      <c r="N2" s="88"/>
      <c r="O2" s="88"/>
      <c r="P2" s="88"/>
      <c r="Q2" s="88"/>
      <c r="R2" s="88"/>
      <c r="S2" s="88"/>
      <c r="T2" s="88"/>
      <c r="U2" s="88"/>
      <c r="V2" s="88"/>
      <c r="W2" s="88"/>
      <c r="X2" s="88"/>
      <c r="Y2" s="88"/>
      <c r="Z2" s="88"/>
      <c r="AA2" s="88"/>
      <c r="AB2" s="88"/>
      <c r="AC2" s="88"/>
      <c r="AD2" s="88"/>
      <c r="AE2" s="88"/>
      <c r="AF2" s="88"/>
      <c r="AG2" s="88"/>
      <c r="AH2" s="88"/>
      <c r="AI2" s="88"/>
      <c r="AJ2" s="88"/>
      <c r="AK2" s="88"/>
      <c r="AL2" s="88"/>
      <c r="AM2" s="91"/>
      <c r="AN2" s="91"/>
      <c r="AO2" s="90"/>
    </row>
    <row r="3" spans="1:41" ht="15.95" customHeight="1" x14ac:dyDescent="0.15">
      <c r="A3" s="452" t="s">
        <v>55</v>
      </c>
      <c r="B3" s="453"/>
      <c r="C3" s="453"/>
      <c r="D3" s="453"/>
      <c r="E3" s="437" t="s">
        <v>56</v>
      </c>
      <c r="F3" s="438"/>
      <c r="G3" s="438"/>
      <c r="H3" s="439"/>
      <c r="I3" s="459" t="s">
        <v>774</v>
      </c>
      <c r="J3" s="459"/>
      <c r="K3" s="459"/>
      <c r="L3" s="459"/>
      <c r="M3" s="459"/>
      <c r="N3" s="459"/>
      <c r="O3" s="459"/>
      <c r="P3" s="459"/>
      <c r="Q3" s="459"/>
      <c r="R3" s="459"/>
      <c r="S3" s="459"/>
      <c r="T3" s="459"/>
      <c r="U3" s="459"/>
      <c r="V3" s="459"/>
      <c r="W3" s="459"/>
      <c r="X3" s="459"/>
      <c r="Y3" s="459"/>
      <c r="Z3" s="459"/>
      <c r="AA3" s="459"/>
      <c r="AB3" s="459"/>
      <c r="AC3" s="459"/>
      <c r="AD3" s="459"/>
      <c r="AE3" s="459"/>
      <c r="AF3" s="459"/>
      <c r="AG3" s="459"/>
      <c r="AH3" s="452" t="s">
        <v>59</v>
      </c>
      <c r="AI3" s="453"/>
      <c r="AJ3" s="453"/>
      <c r="AK3" s="453"/>
      <c r="AL3" s="454"/>
      <c r="AM3" s="453" t="s">
        <v>60</v>
      </c>
      <c r="AN3" s="453"/>
      <c r="AO3" s="454"/>
    </row>
    <row r="4" spans="1:41" ht="15.95" customHeight="1" x14ac:dyDescent="0.15">
      <c r="A4" s="455"/>
      <c r="B4" s="456"/>
      <c r="C4" s="456"/>
      <c r="D4" s="456"/>
      <c r="E4" s="461" t="s">
        <v>61</v>
      </c>
      <c r="F4" s="462"/>
      <c r="G4" s="462"/>
      <c r="H4" s="463"/>
      <c r="I4" s="465" t="s">
        <v>61</v>
      </c>
      <c r="J4" s="465"/>
      <c r="K4" s="465"/>
      <c r="L4" s="466"/>
      <c r="M4" s="458" t="s">
        <v>60</v>
      </c>
      <c r="N4" s="459"/>
      <c r="O4" s="459"/>
      <c r="P4" s="459"/>
      <c r="Q4" s="459"/>
      <c r="R4" s="459"/>
      <c r="S4" s="459"/>
      <c r="T4" s="459"/>
      <c r="U4" s="459"/>
      <c r="V4" s="459"/>
      <c r="W4" s="459"/>
      <c r="X4" s="459"/>
      <c r="Y4" s="459"/>
      <c r="Z4" s="459"/>
      <c r="AA4" s="459"/>
      <c r="AB4" s="459"/>
      <c r="AC4" s="459"/>
      <c r="AD4" s="459"/>
      <c r="AE4" s="459"/>
      <c r="AF4" s="459"/>
      <c r="AG4" s="459"/>
      <c r="AH4" s="455"/>
      <c r="AI4" s="456"/>
      <c r="AJ4" s="456"/>
      <c r="AK4" s="456"/>
      <c r="AL4" s="457"/>
      <c r="AM4" s="456" t="s">
        <v>62</v>
      </c>
      <c r="AN4" s="456"/>
      <c r="AO4" s="457"/>
    </row>
    <row r="5" spans="1:41" ht="15.95" customHeight="1" x14ac:dyDescent="0.15">
      <c r="A5" s="449" t="s">
        <v>319</v>
      </c>
      <c r="B5" s="450"/>
      <c r="C5" s="450"/>
      <c r="D5" s="451"/>
      <c r="E5" s="486" t="s">
        <v>315</v>
      </c>
      <c r="F5" s="487"/>
      <c r="G5" s="487"/>
      <c r="H5" s="488"/>
      <c r="I5" s="449" t="s">
        <v>315</v>
      </c>
      <c r="J5" s="450"/>
      <c r="K5" s="450"/>
      <c r="L5" s="451"/>
      <c r="M5" s="138" t="s">
        <v>7</v>
      </c>
      <c r="N5" s="208" t="s">
        <v>882</v>
      </c>
      <c r="O5" s="98"/>
      <c r="P5" s="98"/>
      <c r="Q5" s="114"/>
      <c r="R5" s="208"/>
      <c r="S5" s="208"/>
      <c r="T5" s="140"/>
      <c r="U5" s="208"/>
      <c r="V5" s="208"/>
      <c r="W5" s="208"/>
      <c r="X5" s="140"/>
      <c r="Y5" s="208"/>
      <c r="Z5" s="208"/>
      <c r="AA5" s="114"/>
      <c r="AB5" s="114"/>
      <c r="AC5" s="206"/>
      <c r="AD5" s="208"/>
      <c r="AE5" s="208"/>
      <c r="AF5" s="114"/>
      <c r="AG5" s="99"/>
      <c r="AH5" s="151" t="s">
        <v>7</v>
      </c>
      <c r="AI5" s="92" t="s">
        <v>686</v>
      </c>
      <c r="AJ5" s="124"/>
      <c r="AK5" s="124"/>
      <c r="AL5" s="124"/>
      <c r="AM5" s="148"/>
      <c r="AN5" s="92"/>
      <c r="AO5" s="145"/>
    </row>
    <row r="6" spans="1:41" ht="15.95" customHeight="1" x14ac:dyDescent="0.15">
      <c r="A6" s="449" t="s">
        <v>321</v>
      </c>
      <c r="B6" s="450"/>
      <c r="C6" s="450"/>
      <c r="D6" s="451"/>
      <c r="E6" s="148"/>
      <c r="F6" s="92"/>
      <c r="G6" s="92"/>
      <c r="H6" s="92"/>
      <c r="I6" s="148"/>
      <c r="J6" s="92"/>
      <c r="K6" s="92"/>
      <c r="L6" s="145"/>
      <c r="M6" s="167" t="s">
        <v>7</v>
      </c>
      <c r="N6" s="97" t="s">
        <v>847</v>
      </c>
      <c r="O6" s="97"/>
      <c r="P6" s="105"/>
      <c r="Q6" s="105"/>
      <c r="R6" s="116"/>
      <c r="S6" s="116"/>
      <c r="T6" s="97"/>
      <c r="U6" s="126"/>
      <c r="V6" s="97"/>
      <c r="W6" s="97"/>
      <c r="X6" s="97"/>
      <c r="Y6" s="97"/>
      <c r="Z6" s="97"/>
      <c r="AA6" s="97"/>
      <c r="AB6" s="97"/>
      <c r="AC6" s="96"/>
      <c r="AD6" s="97"/>
      <c r="AE6" s="97"/>
      <c r="AF6" s="116"/>
      <c r="AG6" s="106"/>
      <c r="AH6" s="151" t="s">
        <v>7</v>
      </c>
      <c r="AI6" s="92" t="s">
        <v>746</v>
      </c>
      <c r="AJ6" s="124"/>
      <c r="AK6" s="124"/>
      <c r="AL6" s="157"/>
      <c r="AM6" s="148"/>
      <c r="AN6" s="92"/>
      <c r="AO6" s="145"/>
    </row>
    <row r="7" spans="1:41" ht="15.95" customHeight="1" x14ac:dyDescent="0.15">
      <c r="A7" s="449" t="s">
        <v>747</v>
      </c>
      <c r="B7" s="450"/>
      <c r="C7" s="450"/>
      <c r="D7" s="451"/>
      <c r="E7" s="511" t="s">
        <v>748</v>
      </c>
      <c r="F7" s="512"/>
      <c r="G7" s="512"/>
      <c r="H7" s="513"/>
      <c r="I7" s="437" t="s">
        <v>854</v>
      </c>
      <c r="J7" s="438"/>
      <c r="K7" s="438"/>
      <c r="L7" s="439"/>
      <c r="M7" s="208" t="s">
        <v>336</v>
      </c>
      <c r="N7" s="208"/>
      <c r="O7" s="208" t="s">
        <v>851</v>
      </c>
      <c r="P7" s="98"/>
      <c r="Q7" s="98"/>
      <c r="R7" s="114"/>
      <c r="S7" s="114"/>
      <c r="T7" s="208"/>
      <c r="U7" s="140"/>
      <c r="V7" s="208"/>
      <c r="W7" s="208"/>
      <c r="X7" s="208"/>
      <c r="Y7" s="208"/>
      <c r="Z7" s="208"/>
      <c r="AA7" s="208"/>
      <c r="AB7" s="208"/>
      <c r="AC7" s="206"/>
      <c r="AD7" s="208"/>
      <c r="AE7" s="208"/>
      <c r="AF7" s="114"/>
      <c r="AG7" s="99" t="s">
        <v>852</v>
      </c>
      <c r="AH7" s="151" t="s">
        <v>7</v>
      </c>
      <c r="AI7" s="92" t="s">
        <v>169</v>
      </c>
      <c r="AJ7" s="124"/>
      <c r="AK7" s="124"/>
      <c r="AL7" s="124"/>
      <c r="AM7" s="148"/>
      <c r="AN7" s="92"/>
      <c r="AO7" s="145"/>
    </row>
    <row r="8" spans="1:41" ht="15.95" customHeight="1" x14ac:dyDescent="0.15">
      <c r="A8" s="449" t="s">
        <v>749</v>
      </c>
      <c r="B8" s="450"/>
      <c r="C8" s="450"/>
      <c r="D8" s="451"/>
      <c r="E8" s="514" t="s">
        <v>750</v>
      </c>
      <c r="F8" s="515"/>
      <c r="G8" s="515"/>
      <c r="H8" s="516"/>
      <c r="I8" s="449" t="s">
        <v>855</v>
      </c>
      <c r="J8" s="450"/>
      <c r="K8" s="450"/>
      <c r="L8" s="451"/>
      <c r="M8" s="103" t="s">
        <v>340</v>
      </c>
      <c r="N8" s="103"/>
      <c r="O8" s="103" t="s">
        <v>851</v>
      </c>
      <c r="P8" s="92"/>
      <c r="Q8" s="92"/>
      <c r="R8" s="91"/>
      <c r="S8" s="91"/>
      <c r="T8" s="103"/>
      <c r="U8" s="151"/>
      <c r="V8" s="103"/>
      <c r="W8" s="103"/>
      <c r="X8" s="103"/>
      <c r="Y8" s="103"/>
      <c r="Z8" s="103"/>
      <c r="AA8" s="103"/>
      <c r="AB8" s="103"/>
      <c r="AC8" s="102"/>
      <c r="AD8" s="103"/>
      <c r="AE8" s="103"/>
      <c r="AF8" s="91"/>
      <c r="AG8" s="104" t="s">
        <v>852</v>
      </c>
      <c r="AH8" s="151" t="s">
        <v>7</v>
      </c>
      <c r="AI8" s="92" t="s">
        <v>162</v>
      </c>
      <c r="AJ8" s="124"/>
      <c r="AK8" s="124"/>
      <c r="AL8" s="124"/>
      <c r="AM8" s="148"/>
      <c r="AN8" s="92"/>
      <c r="AO8" s="145"/>
    </row>
    <row r="9" spans="1:41" ht="15.95" customHeight="1" x14ac:dyDescent="0.15">
      <c r="A9" s="162"/>
      <c r="B9" s="153"/>
      <c r="C9" s="153"/>
      <c r="D9" s="154"/>
      <c r="E9" s="514" t="s">
        <v>751</v>
      </c>
      <c r="F9" s="515"/>
      <c r="G9" s="515"/>
      <c r="H9" s="516"/>
      <c r="I9" s="148"/>
      <c r="J9" s="92"/>
      <c r="K9" s="92"/>
      <c r="L9" s="145"/>
      <c r="M9" s="103" t="s">
        <v>341</v>
      </c>
      <c r="N9" s="103"/>
      <c r="O9" s="103" t="s">
        <v>851</v>
      </c>
      <c r="P9" s="92"/>
      <c r="Q9" s="92"/>
      <c r="R9" s="91"/>
      <c r="S9" s="91"/>
      <c r="T9" s="103"/>
      <c r="U9" s="151"/>
      <c r="V9" s="103"/>
      <c r="W9" s="103"/>
      <c r="X9" s="103"/>
      <c r="Y9" s="103"/>
      <c r="Z9" s="103"/>
      <c r="AA9" s="103"/>
      <c r="AB9" s="103"/>
      <c r="AC9" s="102"/>
      <c r="AD9" s="103"/>
      <c r="AE9" s="103"/>
      <c r="AF9" s="91"/>
      <c r="AG9" s="104" t="s">
        <v>852</v>
      </c>
      <c r="AH9" s="151" t="s">
        <v>7</v>
      </c>
      <c r="AI9" s="92" t="s">
        <v>753</v>
      </c>
      <c r="AJ9" s="91"/>
      <c r="AK9" s="182"/>
      <c r="AL9" s="124"/>
      <c r="AM9" s="148"/>
      <c r="AN9" s="92"/>
      <c r="AO9" s="145"/>
    </row>
    <row r="10" spans="1:41" ht="15.95" customHeight="1" x14ac:dyDescent="0.15">
      <c r="A10" s="449" t="s">
        <v>755</v>
      </c>
      <c r="B10" s="450"/>
      <c r="C10" s="450"/>
      <c r="D10" s="451"/>
      <c r="E10" s="400"/>
      <c r="F10" s="401"/>
      <c r="G10" s="401"/>
      <c r="H10" s="402"/>
      <c r="I10" s="148"/>
      <c r="J10" s="92"/>
      <c r="K10" s="92"/>
      <c r="L10" s="145"/>
      <c r="M10" s="103" t="s">
        <v>342</v>
      </c>
      <c r="N10" s="103"/>
      <c r="O10" s="103" t="s">
        <v>849</v>
      </c>
      <c r="P10" s="92"/>
      <c r="Q10" s="92"/>
      <c r="R10" s="91"/>
      <c r="S10" s="91"/>
      <c r="T10" s="103" t="s">
        <v>851</v>
      </c>
      <c r="U10" s="151"/>
      <c r="V10" s="103"/>
      <c r="W10" s="103"/>
      <c r="X10" s="103"/>
      <c r="Y10" s="103"/>
      <c r="Z10" s="103"/>
      <c r="AA10" s="103"/>
      <c r="AB10" s="103"/>
      <c r="AC10" s="102"/>
      <c r="AD10" s="103"/>
      <c r="AE10" s="103"/>
      <c r="AF10" s="91"/>
      <c r="AG10" s="104" t="s">
        <v>852</v>
      </c>
      <c r="AH10" s="151" t="s">
        <v>7</v>
      </c>
      <c r="AI10" s="92" t="s">
        <v>754</v>
      </c>
      <c r="AJ10" s="92"/>
      <c r="AK10" s="182"/>
      <c r="AL10" s="124"/>
      <c r="AM10" s="148"/>
      <c r="AN10" s="92"/>
      <c r="AO10" s="145"/>
    </row>
    <row r="11" spans="1:41" ht="15.95" customHeight="1" x14ac:dyDescent="0.15">
      <c r="A11" s="162" t="s">
        <v>25</v>
      </c>
      <c r="B11" s="431"/>
      <c r="C11" s="431"/>
      <c r="D11" s="154" t="s">
        <v>26</v>
      </c>
      <c r="E11" s="400"/>
      <c r="F11" s="401"/>
      <c r="G11" s="401"/>
      <c r="H11" s="402"/>
      <c r="I11" s="148"/>
      <c r="J11" s="92"/>
      <c r="K11" s="92"/>
      <c r="L11" s="145"/>
      <c r="M11" s="103"/>
      <c r="N11" s="103"/>
      <c r="O11" s="103" t="s">
        <v>850</v>
      </c>
      <c r="P11" s="92"/>
      <c r="Q11" s="92"/>
      <c r="R11" s="91"/>
      <c r="S11" s="91"/>
      <c r="T11" s="103" t="s">
        <v>851</v>
      </c>
      <c r="U11" s="151"/>
      <c r="V11" s="103"/>
      <c r="W11" s="103"/>
      <c r="X11" s="103"/>
      <c r="Y11" s="103"/>
      <c r="Z11" s="103"/>
      <c r="AA11" s="103"/>
      <c r="AB11" s="103"/>
      <c r="AC11" s="102"/>
      <c r="AD11" s="103"/>
      <c r="AE11" s="103"/>
      <c r="AF11" s="91"/>
      <c r="AG11" s="104" t="s">
        <v>852</v>
      </c>
      <c r="AH11" s="151" t="s">
        <v>7</v>
      </c>
      <c r="AI11" s="92"/>
      <c r="AJ11" s="92"/>
      <c r="AK11" s="182"/>
      <c r="AL11" s="124"/>
      <c r="AM11" s="148"/>
      <c r="AN11" s="92"/>
      <c r="AO11" s="145"/>
    </row>
    <row r="12" spans="1:41" ht="15.95" customHeight="1" x14ac:dyDescent="0.15">
      <c r="A12" s="162"/>
      <c r="B12" s="102"/>
      <c r="C12" s="102"/>
      <c r="D12" s="153"/>
      <c r="E12" s="400"/>
      <c r="F12" s="401"/>
      <c r="G12" s="401"/>
      <c r="H12" s="402"/>
      <c r="I12" s="169"/>
      <c r="J12" s="105"/>
      <c r="K12" s="105"/>
      <c r="L12" s="170"/>
      <c r="M12" s="97" t="s">
        <v>853</v>
      </c>
      <c r="N12" s="97"/>
      <c r="O12" s="97"/>
      <c r="P12" s="105"/>
      <c r="Q12" s="105"/>
      <c r="R12" s="116"/>
      <c r="S12" s="116"/>
      <c r="T12" s="97"/>
      <c r="U12" s="126"/>
      <c r="V12" s="97"/>
      <c r="W12" s="97"/>
      <c r="X12" s="97"/>
      <c r="Y12" s="97"/>
      <c r="Z12" s="97"/>
      <c r="AA12" s="97"/>
      <c r="AB12" s="97"/>
      <c r="AC12" s="96"/>
      <c r="AD12" s="97"/>
      <c r="AE12" s="97"/>
      <c r="AF12" s="116"/>
      <c r="AG12" s="106" t="s">
        <v>852</v>
      </c>
      <c r="AH12" s="151"/>
      <c r="AI12" s="92"/>
      <c r="AJ12" s="91"/>
      <c r="AK12" s="182"/>
      <c r="AL12" s="124"/>
      <c r="AM12" s="148"/>
      <c r="AN12" s="92"/>
      <c r="AO12" s="145"/>
    </row>
    <row r="13" spans="1:41" ht="15.95" customHeight="1" x14ac:dyDescent="0.15">
      <c r="A13" s="162"/>
      <c r="B13" s="102"/>
      <c r="C13" s="102"/>
      <c r="D13" s="153"/>
      <c r="E13" s="400"/>
      <c r="F13" s="401"/>
      <c r="G13" s="401"/>
      <c r="H13" s="402"/>
      <c r="I13" s="437" t="s">
        <v>856</v>
      </c>
      <c r="J13" s="438"/>
      <c r="K13" s="438"/>
      <c r="L13" s="439"/>
      <c r="M13" s="208" t="s">
        <v>858</v>
      </c>
      <c r="N13" s="208"/>
      <c r="O13" s="208"/>
      <c r="P13" s="98"/>
      <c r="Q13" s="98"/>
      <c r="R13" s="114"/>
      <c r="S13" s="114"/>
      <c r="T13" s="208"/>
      <c r="U13" s="140"/>
      <c r="V13" s="208"/>
      <c r="W13" s="208"/>
      <c r="X13" s="208"/>
      <c r="Y13" s="208"/>
      <c r="Z13" s="208"/>
      <c r="AA13" s="208"/>
      <c r="AB13" s="208"/>
      <c r="AC13" s="206"/>
      <c r="AD13" s="208"/>
      <c r="AE13" s="208"/>
      <c r="AF13" s="114"/>
      <c r="AG13" s="99"/>
      <c r="AH13" s="151"/>
      <c r="AI13" s="92"/>
      <c r="AJ13" s="91"/>
      <c r="AK13" s="182"/>
      <c r="AL13" s="124"/>
      <c r="AM13" s="148"/>
      <c r="AN13" s="92"/>
      <c r="AO13" s="145"/>
    </row>
    <row r="14" spans="1:41" ht="15.95" customHeight="1" x14ac:dyDescent="0.15">
      <c r="A14" s="162"/>
      <c r="B14" s="102"/>
      <c r="C14" s="102"/>
      <c r="D14" s="153"/>
      <c r="E14" s="400"/>
      <c r="F14" s="401"/>
      <c r="G14" s="401"/>
      <c r="H14" s="402"/>
      <c r="I14" s="449" t="s">
        <v>857</v>
      </c>
      <c r="J14" s="450"/>
      <c r="K14" s="450"/>
      <c r="L14" s="451"/>
      <c r="M14" s="103" t="s">
        <v>859</v>
      </c>
      <c r="N14" s="103"/>
      <c r="O14" s="103"/>
      <c r="P14" s="92"/>
      <c r="Q14" s="92"/>
      <c r="R14" s="91" t="s">
        <v>860</v>
      </c>
      <c r="S14" s="91"/>
      <c r="T14" s="103"/>
      <c r="U14" s="151"/>
      <c r="V14" s="103"/>
      <c r="W14" s="103"/>
      <c r="X14" s="103"/>
      <c r="Y14" s="103"/>
      <c r="Z14" s="103"/>
      <c r="AA14" s="103"/>
      <c r="AB14" s="103"/>
      <c r="AC14" s="102"/>
      <c r="AD14" s="103"/>
      <c r="AE14" s="103"/>
      <c r="AF14" s="91"/>
      <c r="AG14" s="104"/>
      <c r="AH14" s="151"/>
      <c r="AI14" s="92"/>
      <c r="AJ14" s="91"/>
      <c r="AK14" s="182"/>
      <c r="AL14" s="124"/>
      <c r="AM14" s="148"/>
      <c r="AN14" s="92"/>
      <c r="AO14" s="145"/>
    </row>
    <row r="15" spans="1:41" ht="15.95" customHeight="1" x14ac:dyDescent="0.15">
      <c r="A15" s="162"/>
      <c r="B15" s="102"/>
      <c r="C15" s="102"/>
      <c r="D15" s="153"/>
      <c r="E15" s="400"/>
      <c r="F15" s="401"/>
      <c r="G15" s="401"/>
      <c r="H15" s="402"/>
      <c r="I15" s="148"/>
      <c r="J15" s="92"/>
      <c r="K15" s="92"/>
      <c r="L15" s="145"/>
      <c r="M15" s="103" t="s">
        <v>851</v>
      </c>
      <c r="N15" s="103"/>
      <c r="O15" s="103"/>
      <c r="P15" s="92"/>
      <c r="Q15" s="92" t="s">
        <v>852</v>
      </c>
      <c r="R15" s="91" t="s">
        <v>851</v>
      </c>
      <c r="S15" s="91"/>
      <c r="T15" s="103"/>
      <c r="U15" s="151"/>
      <c r="V15" s="103"/>
      <c r="W15" s="103"/>
      <c r="X15" s="103"/>
      <c r="Y15" s="103"/>
      <c r="Z15" s="103"/>
      <c r="AA15" s="103"/>
      <c r="AB15" s="103"/>
      <c r="AC15" s="102"/>
      <c r="AD15" s="103"/>
      <c r="AE15" s="103"/>
      <c r="AF15" s="91"/>
      <c r="AG15" s="104" t="s">
        <v>852</v>
      </c>
      <c r="AH15" s="151"/>
      <c r="AI15" s="92"/>
      <c r="AJ15" s="91"/>
      <c r="AK15" s="182"/>
      <c r="AL15" s="124"/>
      <c r="AM15" s="148"/>
      <c r="AN15" s="92"/>
      <c r="AO15" s="145"/>
    </row>
    <row r="16" spans="1:41" ht="15.95" customHeight="1" x14ac:dyDescent="0.15">
      <c r="A16" s="162"/>
      <c r="B16" s="102"/>
      <c r="C16" s="102"/>
      <c r="D16" s="153"/>
      <c r="E16" s="400"/>
      <c r="F16" s="401"/>
      <c r="G16" s="401"/>
      <c r="H16" s="402"/>
      <c r="I16" s="148"/>
      <c r="J16" s="92"/>
      <c r="K16" s="92"/>
      <c r="L16" s="145"/>
      <c r="M16" s="103" t="s">
        <v>851</v>
      </c>
      <c r="N16" s="103"/>
      <c r="O16" s="103"/>
      <c r="P16" s="92"/>
      <c r="Q16" s="92" t="s">
        <v>852</v>
      </c>
      <c r="R16" s="91" t="s">
        <v>851</v>
      </c>
      <c r="S16" s="91"/>
      <c r="T16" s="103"/>
      <c r="U16" s="151"/>
      <c r="V16" s="103"/>
      <c r="W16" s="103"/>
      <c r="X16" s="103"/>
      <c r="Y16" s="103"/>
      <c r="Z16" s="103"/>
      <c r="AA16" s="103"/>
      <c r="AB16" s="103"/>
      <c r="AC16" s="102"/>
      <c r="AD16" s="103"/>
      <c r="AE16" s="103"/>
      <c r="AF16" s="91"/>
      <c r="AG16" s="104" t="s">
        <v>852</v>
      </c>
      <c r="AH16" s="151"/>
      <c r="AI16" s="92"/>
      <c r="AJ16" s="91"/>
      <c r="AK16" s="182"/>
      <c r="AL16" s="124"/>
      <c r="AM16" s="148"/>
      <c r="AN16" s="92"/>
      <c r="AO16" s="145"/>
    </row>
    <row r="17" spans="1:41" ht="15.95" customHeight="1" x14ac:dyDescent="0.15">
      <c r="A17" s="162"/>
      <c r="B17" s="102"/>
      <c r="C17" s="102"/>
      <c r="D17" s="153"/>
      <c r="E17" s="400"/>
      <c r="F17" s="401"/>
      <c r="G17" s="401"/>
      <c r="H17" s="402"/>
      <c r="I17" s="169"/>
      <c r="J17" s="105"/>
      <c r="K17" s="105"/>
      <c r="L17" s="170"/>
      <c r="M17" s="97" t="s">
        <v>851</v>
      </c>
      <c r="N17" s="97"/>
      <c r="O17" s="97"/>
      <c r="P17" s="105"/>
      <c r="Q17" s="105" t="s">
        <v>852</v>
      </c>
      <c r="R17" s="116" t="s">
        <v>851</v>
      </c>
      <c r="S17" s="116"/>
      <c r="T17" s="97"/>
      <c r="U17" s="126"/>
      <c r="V17" s="97"/>
      <c r="W17" s="97"/>
      <c r="X17" s="97"/>
      <c r="Y17" s="97"/>
      <c r="Z17" s="97"/>
      <c r="AA17" s="97"/>
      <c r="AB17" s="97"/>
      <c r="AC17" s="96"/>
      <c r="AD17" s="97"/>
      <c r="AE17" s="97"/>
      <c r="AF17" s="116"/>
      <c r="AG17" s="106" t="s">
        <v>852</v>
      </c>
      <c r="AH17" s="151"/>
      <c r="AI17" s="92"/>
      <c r="AJ17" s="91"/>
      <c r="AK17" s="182"/>
      <c r="AL17" s="124"/>
      <c r="AM17" s="148"/>
      <c r="AN17" s="92"/>
      <c r="AO17" s="145"/>
    </row>
    <row r="18" spans="1:41" ht="15.95" customHeight="1" x14ac:dyDescent="0.15">
      <c r="A18" s="162"/>
      <c r="B18" s="102"/>
      <c r="C18" s="102"/>
      <c r="D18" s="153"/>
      <c r="E18" s="400"/>
      <c r="F18" s="401"/>
      <c r="G18" s="401"/>
      <c r="H18" s="402"/>
      <c r="I18" s="437" t="s">
        <v>856</v>
      </c>
      <c r="J18" s="438"/>
      <c r="K18" s="438"/>
      <c r="L18" s="439"/>
      <c r="M18" s="208" t="s">
        <v>862</v>
      </c>
      <c r="N18" s="208"/>
      <c r="O18" s="208"/>
      <c r="P18" s="98" t="s">
        <v>863</v>
      </c>
      <c r="Q18" s="98"/>
      <c r="R18" s="114"/>
      <c r="S18" s="114"/>
      <c r="T18" s="208"/>
      <c r="U18" s="140"/>
      <c r="V18" s="208"/>
      <c r="W18" s="208"/>
      <c r="X18" s="208" t="s">
        <v>864</v>
      </c>
      <c r="Y18" s="208"/>
      <c r="Z18" s="208"/>
      <c r="AA18" s="208"/>
      <c r="AB18" s="208"/>
      <c r="AC18" s="206"/>
      <c r="AD18" s="208"/>
      <c r="AE18" s="208"/>
      <c r="AF18" s="114"/>
      <c r="AG18" s="99"/>
      <c r="AH18" s="151"/>
      <c r="AI18" s="92"/>
      <c r="AJ18" s="91"/>
      <c r="AK18" s="182"/>
      <c r="AL18" s="124"/>
      <c r="AM18" s="148"/>
      <c r="AN18" s="92"/>
      <c r="AO18" s="145"/>
    </row>
    <row r="19" spans="1:41" ht="15.95" customHeight="1" x14ac:dyDescent="0.15">
      <c r="A19" s="162"/>
      <c r="B19" s="102"/>
      <c r="C19" s="102"/>
      <c r="D19" s="153"/>
      <c r="E19" s="400"/>
      <c r="F19" s="401"/>
      <c r="G19" s="401"/>
      <c r="H19" s="402"/>
      <c r="I19" s="449" t="s">
        <v>861</v>
      </c>
      <c r="J19" s="450"/>
      <c r="K19" s="450"/>
      <c r="L19" s="451"/>
      <c r="M19" s="103" t="s">
        <v>851</v>
      </c>
      <c r="N19" s="103"/>
      <c r="O19" s="103" t="s">
        <v>852</v>
      </c>
      <c r="P19" s="92" t="s">
        <v>851</v>
      </c>
      <c r="Q19" s="92"/>
      <c r="R19" s="91"/>
      <c r="S19" s="91"/>
      <c r="T19" s="103"/>
      <c r="U19" s="151"/>
      <c r="V19" s="103"/>
      <c r="W19" s="103" t="s">
        <v>852</v>
      </c>
      <c r="X19" s="103" t="s">
        <v>851</v>
      </c>
      <c r="Y19" s="103"/>
      <c r="Z19" s="103"/>
      <c r="AA19" s="103"/>
      <c r="AB19" s="103"/>
      <c r="AC19" s="102"/>
      <c r="AD19" s="103"/>
      <c r="AE19" s="103"/>
      <c r="AF19" s="91"/>
      <c r="AG19" s="104" t="s">
        <v>852</v>
      </c>
      <c r="AH19" s="151"/>
      <c r="AI19" s="92"/>
      <c r="AJ19" s="91"/>
      <c r="AK19" s="182"/>
      <c r="AL19" s="124"/>
      <c r="AM19" s="148"/>
      <c r="AN19" s="92"/>
      <c r="AO19" s="145"/>
    </row>
    <row r="20" spans="1:41" ht="15.95" customHeight="1" x14ac:dyDescent="0.15">
      <c r="A20" s="162"/>
      <c r="B20" s="102"/>
      <c r="C20" s="102"/>
      <c r="D20" s="153"/>
      <c r="E20" s="400"/>
      <c r="F20" s="401"/>
      <c r="G20" s="401"/>
      <c r="H20" s="402"/>
      <c r="I20" s="148"/>
      <c r="J20" s="92"/>
      <c r="K20" s="92"/>
      <c r="L20" s="145"/>
      <c r="M20" s="103" t="s">
        <v>851</v>
      </c>
      <c r="N20" s="103"/>
      <c r="O20" s="103" t="s">
        <v>852</v>
      </c>
      <c r="P20" s="92" t="s">
        <v>851</v>
      </c>
      <c r="Q20" s="92"/>
      <c r="R20" s="91"/>
      <c r="S20" s="91"/>
      <c r="T20" s="103"/>
      <c r="U20" s="151"/>
      <c r="V20" s="103"/>
      <c r="W20" s="103" t="s">
        <v>852</v>
      </c>
      <c r="X20" s="103" t="s">
        <v>851</v>
      </c>
      <c r="Y20" s="103"/>
      <c r="Z20" s="103"/>
      <c r="AA20" s="103"/>
      <c r="AB20" s="103"/>
      <c r="AC20" s="102"/>
      <c r="AD20" s="103"/>
      <c r="AE20" s="103"/>
      <c r="AF20" s="91"/>
      <c r="AG20" s="104" t="s">
        <v>852</v>
      </c>
      <c r="AH20" s="151"/>
      <c r="AI20" s="92"/>
      <c r="AJ20" s="91"/>
      <c r="AK20" s="182"/>
      <c r="AL20" s="124"/>
      <c r="AM20" s="148"/>
      <c r="AN20" s="92"/>
      <c r="AO20" s="145"/>
    </row>
    <row r="21" spans="1:41" ht="15.95" customHeight="1" x14ac:dyDescent="0.15">
      <c r="A21" s="162"/>
      <c r="B21" s="102"/>
      <c r="C21" s="102"/>
      <c r="D21" s="153"/>
      <c r="E21" s="400"/>
      <c r="F21" s="401"/>
      <c r="G21" s="401"/>
      <c r="H21" s="402"/>
      <c r="I21" s="169"/>
      <c r="J21" s="105"/>
      <c r="K21" s="105"/>
      <c r="L21" s="170"/>
      <c r="M21" s="97" t="s">
        <v>851</v>
      </c>
      <c r="N21" s="97"/>
      <c r="O21" s="97" t="s">
        <v>852</v>
      </c>
      <c r="P21" s="105" t="s">
        <v>851</v>
      </c>
      <c r="Q21" s="105"/>
      <c r="R21" s="116"/>
      <c r="S21" s="116"/>
      <c r="T21" s="97"/>
      <c r="U21" s="126"/>
      <c r="V21" s="97"/>
      <c r="W21" s="97" t="s">
        <v>852</v>
      </c>
      <c r="X21" s="97" t="s">
        <v>851</v>
      </c>
      <c r="Y21" s="97"/>
      <c r="Z21" s="97"/>
      <c r="AA21" s="97"/>
      <c r="AB21" s="97"/>
      <c r="AC21" s="96"/>
      <c r="AD21" s="97"/>
      <c r="AE21" s="97"/>
      <c r="AF21" s="116"/>
      <c r="AG21" s="106" t="s">
        <v>852</v>
      </c>
      <c r="AH21" s="151"/>
      <c r="AI21" s="92"/>
      <c r="AJ21" s="91"/>
      <c r="AK21" s="182"/>
      <c r="AL21" s="124"/>
      <c r="AM21" s="148"/>
      <c r="AN21" s="92"/>
      <c r="AO21" s="145"/>
    </row>
    <row r="22" spans="1:41" ht="15.95" customHeight="1" x14ac:dyDescent="0.15">
      <c r="A22" s="162"/>
      <c r="B22" s="102"/>
      <c r="C22" s="102"/>
      <c r="D22" s="153"/>
      <c r="E22" s="400"/>
      <c r="F22" s="401"/>
      <c r="G22" s="401"/>
      <c r="H22" s="402"/>
      <c r="I22" s="473" t="s">
        <v>865</v>
      </c>
      <c r="J22" s="474"/>
      <c r="K22" s="474"/>
      <c r="L22" s="475"/>
      <c r="M22" s="140" t="s">
        <v>7</v>
      </c>
      <c r="N22" s="208" t="s">
        <v>868</v>
      </c>
      <c r="O22" s="208"/>
      <c r="P22" s="98"/>
      <c r="Q22" s="98"/>
      <c r="R22" s="114"/>
      <c r="S22" s="114"/>
      <c r="T22" s="208"/>
      <c r="U22" s="140"/>
      <c r="V22" s="208"/>
      <c r="W22" s="208"/>
      <c r="X22" s="208"/>
      <c r="Y22" s="208"/>
      <c r="Z22" s="208"/>
      <c r="AA22" s="208"/>
      <c r="AB22" s="208"/>
      <c r="AC22" s="206"/>
      <c r="AD22" s="208"/>
      <c r="AE22" s="208"/>
      <c r="AF22" s="114"/>
      <c r="AG22" s="99"/>
      <c r="AH22" s="151"/>
      <c r="AI22" s="92"/>
      <c r="AJ22" s="91"/>
      <c r="AK22" s="182"/>
      <c r="AL22" s="124"/>
      <c r="AM22" s="148"/>
      <c r="AN22" s="92"/>
      <c r="AO22" s="145"/>
    </row>
    <row r="23" spans="1:41" ht="15.95" customHeight="1" x14ac:dyDescent="0.15">
      <c r="A23" s="162"/>
      <c r="B23" s="102"/>
      <c r="C23" s="102"/>
      <c r="D23" s="153"/>
      <c r="E23" s="400"/>
      <c r="F23" s="401"/>
      <c r="G23" s="401"/>
      <c r="H23" s="402"/>
      <c r="I23" s="449" t="s">
        <v>866</v>
      </c>
      <c r="J23" s="450"/>
      <c r="K23" s="450"/>
      <c r="L23" s="451"/>
      <c r="M23" s="151" t="s">
        <v>7</v>
      </c>
      <c r="N23" s="103" t="s">
        <v>752</v>
      </c>
      <c r="O23" s="103"/>
      <c r="P23" s="92"/>
      <c r="Q23" s="92"/>
      <c r="R23" s="91"/>
      <c r="S23" s="91"/>
      <c r="T23" s="103"/>
      <c r="U23" s="151"/>
      <c r="V23" s="103"/>
      <c r="W23" s="103"/>
      <c r="X23" s="103"/>
      <c r="Y23" s="103"/>
      <c r="Z23" s="103"/>
      <c r="AA23" s="103"/>
      <c r="AB23" s="103"/>
      <c r="AC23" s="102"/>
      <c r="AD23" s="103"/>
      <c r="AE23" s="103"/>
      <c r="AF23" s="91"/>
      <c r="AG23" s="104"/>
      <c r="AH23" s="151"/>
      <c r="AI23" s="92"/>
      <c r="AJ23" s="91"/>
      <c r="AK23" s="182"/>
      <c r="AL23" s="124"/>
      <c r="AM23" s="148"/>
      <c r="AN23" s="92"/>
      <c r="AO23" s="145"/>
    </row>
    <row r="24" spans="1:41" ht="15.95" customHeight="1" x14ac:dyDescent="0.15">
      <c r="A24" s="162"/>
      <c r="B24" s="102"/>
      <c r="C24" s="102"/>
      <c r="D24" s="153"/>
      <c r="E24" s="400"/>
      <c r="F24" s="401"/>
      <c r="G24" s="401"/>
      <c r="H24" s="402"/>
      <c r="I24" s="461" t="s">
        <v>867</v>
      </c>
      <c r="J24" s="462"/>
      <c r="K24" s="462"/>
      <c r="L24" s="463"/>
      <c r="M24" s="97"/>
      <c r="N24" s="97"/>
      <c r="O24" s="97"/>
      <c r="P24" s="105"/>
      <c r="Q24" s="105"/>
      <c r="R24" s="116"/>
      <c r="S24" s="116"/>
      <c r="T24" s="97"/>
      <c r="U24" s="126"/>
      <c r="V24" s="97"/>
      <c r="W24" s="97"/>
      <c r="X24" s="97"/>
      <c r="Y24" s="97"/>
      <c r="Z24" s="97"/>
      <c r="AA24" s="97"/>
      <c r="AB24" s="97"/>
      <c r="AC24" s="96"/>
      <c r="AD24" s="97"/>
      <c r="AE24" s="97"/>
      <c r="AF24" s="116"/>
      <c r="AG24" s="106"/>
      <c r="AH24" s="151"/>
      <c r="AI24" s="92"/>
      <c r="AJ24" s="91"/>
      <c r="AK24" s="182"/>
      <c r="AL24" s="124"/>
      <c r="AM24" s="148"/>
      <c r="AN24" s="92"/>
      <c r="AO24" s="145"/>
    </row>
    <row r="25" spans="1:41" ht="15.95" customHeight="1" x14ac:dyDescent="0.15">
      <c r="A25" s="162"/>
      <c r="B25" s="102"/>
      <c r="C25" s="102"/>
      <c r="D25" s="153"/>
      <c r="E25" s="400"/>
      <c r="F25" s="401"/>
      <c r="G25" s="401"/>
      <c r="H25" s="402"/>
      <c r="I25" s="473" t="s">
        <v>869</v>
      </c>
      <c r="J25" s="474"/>
      <c r="K25" s="474"/>
      <c r="L25" s="475"/>
      <c r="M25" s="140" t="s">
        <v>7</v>
      </c>
      <c r="N25" s="103" t="s">
        <v>872</v>
      </c>
      <c r="O25" s="103"/>
      <c r="P25" s="92"/>
      <c r="Q25" s="92"/>
      <c r="R25" s="91"/>
      <c r="S25" s="91"/>
      <c r="T25" s="103"/>
      <c r="U25" s="151"/>
      <c r="V25" s="103"/>
      <c r="W25" s="103"/>
      <c r="X25" s="103"/>
      <c r="Y25" s="103"/>
      <c r="Z25" s="103"/>
      <c r="AA25" s="103"/>
      <c r="AB25" s="103"/>
      <c r="AC25" s="102"/>
      <c r="AD25" s="103"/>
      <c r="AE25" s="103"/>
      <c r="AF25" s="91"/>
      <c r="AG25" s="104"/>
      <c r="AH25" s="151"/>
      <c r="AI25" s="92"/>
      <c r="AJ25" s="91"/>
      <c r="AK25" s="182"/>
      <c r="AL25" s="124"/>
      <c r="AM25" s="148"/>
      <c r="AN25" s="92"/>
      <c r="AO25" s="145"/>
    </row>
    <row r="26" spans="1:41" ht="15.95" customHeight="1" x14ac:dyDescent="0.15">
      <c r="A26" s="162"/>
      <c r="B26" s="102"/>
      <c r="C26" s="102"/>
      <c r="D26" s="153"/>
      <c r="E26" s="400"/>
      <c r="F26" s="401"/>
      <c r="G26" s="401"/>
      <c r="H26" s="402"/>
      <c r="I26" s="449" t="s">
        <v>870</v>
      </c>
      <c r="J26" s="450"/>
      <c r="K26" s="450"/>
      <c r="L26" s="451"/>
      <c r="M26" s="151" t="s">
        <v>7</v>
      </c>
      <c r="N26" s="103" t="s">
        <v>873</v>
      </c>
      <c r="O26" s="103"/>
      <c r="P26" s="92"/>
      <c r="Q26" s="92"/>
      <c r="R26" s="91"/>
      <c r="S26" s="91"/>
      <c r="T26" s="103"/>
      <c r="U26" s="151"/>
      <c r="V26" s="103"/>
      <c r="W26" s="103"/>
      <c r="X26" s="103"/>
      <c r="Y26" s="103"/>
      <c r="Z26" s="103"/>
      <c r="AA26" s="103"/>
      <c r="AB26" s="103"/>
      <c r="AC26" s="102"/>
      <c r="AD26" s="103"/>
      <c r="AE26" s="103"/>
      <c r="AF26" s="91"/>
      <c r="AG26" s="104"/>
      <c r="AH26" s="151"/>
      <c r="AI26" s="92"/>
      <c r="AJ26" s="91"/>
      <c r="AK26" s="182"/>
      <c r="AL26" s="124"/>
      <c r="AM26" s="148"/>
      <c r="AN26" s="92"/>
      <c r="AO26" s="145"/>
    </row>
    <row r="27" spans="1:41" ht="15.95" customHeight="1" x14ac:dyDescent="0.15">
      <c r="A27" s="162"/>
      <c r="B27" s="102"/>
      <c r="C27" s="102"/>
      <c r="D27" s="153"/>
      <c r="E27" s="400"/>
      <c r="F27" s="401"/>
      <c r="G27" s="401"/>
      <c r="H27" s="402"/>
      <c r="I27" s="449" t="s">
        <v>871</v>
      </c>
      <c r="J27" s="450"/>
      <c r="K27" s="450"/>
      <c r="L27" s="451"/>
      <c r="M27" s="103"/>
      <c r="N27" s="103"/>
      <c r="O27" s="103"/>
      <c r="P27" s="92"/>
      <c r="Q27" s="92"/>
      <c r="R27" s="91"/>
      <c r="S27" s="91"/>
      <c r="T27" s="103"/>
      <c r="U27" s="151"/>
      <c r="V27" s="103"/>
      <c r="W27" s="103"/>
      <c r="X27" s="103"/>
      <c r="Y27" s="103"/>
      <c r="Z27" s="103"/>
      <c r="AA27" s="103"/>
      <c r="AB27" s="103"/>
      <c r="AC27" s="102"/>
      <c r="AD27" s="103"/>
      <c r="AE27" s="103"/>
      <c r="AF27" s="91"/>
      <c r="AG27" s="104"/>
      <c r="AH27" s="151"/>
      <c r="AI27" s="92"/>
      <c r="AJ27" s="91"/>
      <c r="AK27" s="182"/>
      <c r="AL27" s="124"/>
      <c r="AM27" s="148"/>
      <c r="AN27" s="92"/>
      <c r="AO27" s="145"/>
    </row>
    <row r="28" spans="1:41" ht="15.95" customHeight="1" x14ac:dyDescent="0.15">
      <c r="A28" s="162"/>
      <c r="B28" s="102"/>
      <c r="C28" s="102"/>
      <c r="D28" s="153"/>
      <c r="E28" s="400"/>
      <c r="F28" s="401"/>
      <c r="G28" s="401"/>
      <c r="H28" s="402"/>
      <c r="I28" s="162"/>
      <c r="J28" s="153"/>
      <c r="K28" s="153"/>
      <c r="L28" s="154"/>
      <c r="M28" s="103" t="s">
        <v>874</v>
      </c>
      <c r="N28" s="103"/>
      <c r="O28" s="103"/>
      <c r="P28" s="92"/>
      <c r="Q28" s="92"/>
      <c r="R28" s="91"/>
      <c r="S28" s="91"/>
      <c r="T28" s="103"/>
      <c r="U28" s="151"/>
      <c r="V28" s="103"/>
      <c r="W28" s="103"/>
      <c r="X28" s="103"/>
      <c r="Y28" s="103"/>
      <c r="Z28" s="103"/>
      <c r="AA28" s="103"/>
      <c r="AB28" s="103"/>
      <c r="AC28" s="102"/>
      <c r="AD28" s="103"/>
      <c r="AE28" s="103"/>
      <c r="AF28" s="91"/>
      <c r="AG28" s="104"/>
      <c r="AH28" s="151"/>
      <c r="AI28" s="92"/>
      <c r="AJ28" s="91"/>
      <c r="AK28" s="182"/>
      <c r="AL28" s="124"/>
      <c r="AM28" s="148"/>
      <c r="AN28" s="92"/>
      <c r="AO28" s="145"/>
    </row>
    <row r="29" spans="1:41" ht="15.95" customHeight="1" x14ac:dyDescent="0.15">
      <c r="A29" s="162"/>
      <c r="B29" s="102"/>
      <c r="C29" s="102"/>
      <c r="D29" s="153"/>
      <c r="E29" s="400"/>
      <c r="F29" s="401"/>
      <c r="G29" s="401"/>
      <c r="H29" s="402"/>
      <c r="I29" s="162"/>
      <c r="J29" s="153"/>
      <c r="K29" s="153"/>
      <c r="L29" s="154"/>
      <c r="M29" s="151" t="s">
        <v>7</v>
      </c>
      <c r="N29" s="103" t="s">
        <v>875</v>
      </c>
      <c r="O29" s="103"/>
      <c r="P29" s="92"/>
      <c r="Q29" s="151" t="s">
        <v>7</v>
      </c>
      <c r="R29" s="103" t="s">
        <v>876</v>
      </c>
      <c r="S29" s="103"/>
      <c r="T29" s="151"/>
      <c r="U29" s="151" t="s">
        <v>7</v>
      </c>
      <c r="V29" s="103" t="s">
        <v>877</v>
      </c>
      <c r="W29" s="103"/>
      <c r="X29" s="103"/>
      <c r="Y29" s="151" t="s">
        <v>7</v>
      </c>
      <c r="Z29" s="103" t="s">
        <v>878</v>
      </c>
      <c r="AA29" s="103"/>
      <c r="AB29" s="102"/>
      <c r="AC29" s="91"/>
      <c r="AD29" s="103"/>
      <c r="AE29" s="103"/>
      <c r="AF29" s="91"/>
      <c r="AG29" s="104"/>
      <c r="AH29" s="151"/>
      <c r="AI29" s="92"/>
      <c r="AJ29" s="91"/>
      <c r="AK29" s="182"/>
      <c r="AL29" s="124"/>
      <c r="AM29" s="148"/>
      <c r="AN29" s="92"/>
      <c r="AO29" s="145"/>
    </row>
    <row r="30" spans="1:41" ht="15.95" customHeight="1" x14ac:dyDescent="0.15">
      <c r="A30" s="162"/>
      <c r="B30" s="102"/>
      <c r="C30" s="102"/>
      <c r="D30" s="153"/>
      <c r="E30" s="400"/>
      <c r="F30" s="401"/>
      <c r="G30" s="401"/>
      <c r="H30" s="402"/>
      <c r="I30" s="162"/>
      <c r="J30" s="153"/>
      <c r="K30" s="153"/>
      <c r="L30" s="154"/>
      <c r="M30" s="151"/>
      <c r="N30" s="103"/>
      <c r="O30" s="103"/>
      <c r="P30" s="92"/>
      <c r="Q30" s="92"/>
      <c r="R30" s="91"/>
      <c r="S30" s="91"/>
      <c r="T30" s="103"/>
      <c r="U30" s="151"/>
      <c r="V30" s="103"/>
      <c r="W30" s="103"/>
      <c r="X30" s="103"/>
      <c r="Y30" s="103"/>
      <c r="Z30" s="103"/>
      <c r="AA30" s="103"/>
      <c r="AB30" s="103"/>
      <c r="AC30" s="102"/>
      <c r="AD30" s="103"/>
      <c r="AE30" s="103"/>
      <c r="AF30" s="91"/>
      <c r="AG30" s="104"/>
      <c r="AH30" s="151"/>
      <c r="AI30" s="92"/>
      <c r="AJ30" s="91"/>
      <c r="AK30" s="182"/>
      <c r="AL30" s="124"/>
      <c r="AM30" s="148"/>
      <c r="AN30" s="92"/>
      <c r="AO30" s="145"/>
    </row>
    <row r="31" spans="1:41" ht="15.95" customHeight="1" x14ac:dyDescent="0.15">
      <c r="A31" s="162"/>
      <c r="B31" s="102"/>
      <c r="C31" s="102"/>
      <c r="D31" s="153"/>
      <c r="E31" s="400"/>
      <c r="F31" s="401"/>
      <c r="G31" s="401"/>
      <c r="H31" s="402"/>
      <c r="I31" s="162"/>
      <c r="J31" s="153"/>
      <c r="K31" s="153"/>
      <c r="L31" s="154"/>
      <c r="M31" s="151" t="s">
        <v>7</v>
      </c>
      <c r="N31" s="103" t="s">
        <v>879</v>
      </c>
      <c r="O31" s="103"/>
      <c r="P31" s="92"/>
      <c r="Q31" s="92"/>
      <c r="R31" s="91"/>
      <c r="S31" s="91"/>
      <c r="T31" s="103"/>
      <c r="U31" s="151"/>
      <c r="V31" s="103"/>
      <c r="W31" s="103"/>
      <c r="X31" s="103"/>
      <c r="Y31" s="103"/>
      <c r="Z31" s="103"/>
      <c r="AA31" s="103"/>
      <c r="AB31" s="103"/>
      <c r="AC31" s="102"/>
      <c r="AD31" s="103"/>
      <c r="AE31" s="103"/>
      <c r="AF31" s="91"/>
      <c r="AG31" s="104"/>
      <c r="AH31" s="151"/>
      <c r="AI31" s="92"/>
      <c r="AJ31" s="91"/>
      <c r="AK31" s="182"/>
      <c r="AL31" s="124"/>
      <c r="AM31" s="148"/>
      <c r="AN31" s="92"/>
      <c r="AO31" s="145"/>
    </row>
    <row r="32" spans="1:41" ht="15.95" customHeight="1" x14ac:dyDescent="0.15">
      <c r="A32" s="162"/>
      <c r="B32" s="102"/>
      <c r="C32" s="102"/>
      <c r="D32" s="153"/>
      <c r="E32" s="400"/>
      <c r="F32" s="401"/>
      <c r="G32" s="401"/>
      <c r="H32" s="402"/>
      <c r="I32" s="148"/>
      <c r="J32" s="92"/>
      <c r="K32" s="92"/>
      <c r="L32" s="145"/>
      <c r="M32" s="103"/>
      <c r="N32" s="151" t="s">
        <v>7</v>
      </c>
      <c r="O32" s="103" t="s">
        <v>880</v>
      </c>
      <c r="P32" s="92"/>
      <c r="Q32" s="92"/>
      <c r="R32" s="91"/>
      <c r="S32" s="91"/>
      <c r="T32" s="103"/>
      <c r="U32" s="151"/>
      <c r="V32" s="151" t="s">
        <v>7</v>
      </c>
      <c r="W32" s="103" t="s">
        <v>881</v>
      </c>
      <c r="X32" s="103"/>
      <c r="Y32" s="103"/>
      <c r="Z32" s="103"/>
      <c r="AA32" s="103"/>
      <c r="AB32" s="103"/>
      <c r="AC32" s="102"/>
      <c r="AD32" s="103"/>
      <c r="AE32" s="103"/>
      <c r="AF32" s="91"/>
      <c r="AG32" s="104"/>
      <c r="AH32" s="151"/>
      <c r="AI32" s="92"/>
      <c r="AJ32" s="91"/>
      <c r="AK32" s="182"/>
      <c r="AL32" s="124"/>
      <c r="AM32" s="148"/>
      <c r="AN32" s="92"/>
      <c r="AO32" s="145"/>
    </row>
    <row r="33" spans="1:41" ht="15.95" customHeight="1" x14ac:dyDescent="0.15">
      <c r="A33" s="449"/>
      <c r="B33" s="450"/>
      <c r="C33" s="450"/>
      <c r="D33" s="451"/>
      <c r="E33" s="517" t="s">
        <v>376</v>
      </c>
      <c r="F33" s="518"/>
      <c r="G33" s="518"/>
      <c r="H33" s="519"/>
      <c r="I33" s="473" t="s">
        <v>756</v>
      </c>
      <c r="J33" s="474"/>
      <c r="K33" s="474"/>
      <c r="L33" s="475"/>
      <c r="M33" s="138" t="s">
        <v>7</v>
      </c>
      <c r="N33" s="208" t="s">
        <v>378</v>
      </c>
      <c r="O33" s="208"/>
      <c r="P33" s="208"/>
      <c r="Q33" s="208"/>
      <c r="R33" s="221"/>
      <c r="S33" s="221"/>
      <c r="T33" s="221"/>
      <c r="U33" s="221"/>
      <c r="V33" s="221"/>
      <c r="W33" s="221"/>
      <c r="X33" s="221"/>
      <c r="Y33" s="221"/>
      <c r="Z33" s="221"/>
      <c r="AA33" s="221"/>
      <c r="AB33" s="221"/>
      <c r="AC33" s="114"/>
      <c r="AD33" s="114"/>
      <c r="AE33" s="114"/>
      <c r="AF33" s="114"/>
      <c r="AG33" s="99"/>
      <c r="AH33" s="151"/>
      <c r="AI33" s="92"/>
      <c r="AJ33" s="92"/>
      <c r="AK33" s="182"/>
      <c r="AL33" s="151"/>
      <c r="AM33" s="149"/>
      <c r="AN33" s="91"/>
      <c r="AO33" s="104"/>
    </row>
    <row r="34" spans="1:41" ht="15.95" customHeight="1" x14ac:dyDescent="0.15">
      <c r="A34" s="162"/>
      <c r="B34" s="431"/>
      <c r="C34" s="431"/>
      <c r="D34" s="154"/>
      <c r="E34" s="520" t="s">
        <v>379</v>
      </c>
      <c r="F34" s="521"/>
      <c r="G34" s="521"/>
      <c r="H34" s="522"/>
      <c r="I34" s="486" t="s">
        <v>757</v>
      </c>
      <c r="J34" s="487"/>
      <c r="K34" s="487"/>
      <c r="L34" s="488"/>
      <c r="M34" s="155"/>
      <c r="N34" s="151" t="s">
        <v>7</v>
      </c>
      <c r="O34" s="92" t="s">
        <v>380</v>
      </c>
      <c r="P34" s="91"/>
      <c r="Q34" s="102" t="s">
        <v>25</v>
      </c>
      <c r="R34" s="497"/>
      <c r="S34" s="497"/>
      <c r="T34" s="497"/>
      <c r="U34" s="497"/>
      <c r="V34" s="497"/>
      <c r="W34" s="497"/>
      <c r="X34" s="497"/>
      <c r="Y34" s="102" t="s">
        <v>26</v>
      </c>
      <c r="Z34" s="124"/>
      <c r="AA34" s="124"/>
      <c r="AB34" s="91"/>
      <c r="AC34" s="91"/>
      <c r="AD34" s="91"/>
      <c r="AE34" s="91"/>
      <c r="AF34" s="91"/>
      <c r="AG34" s="104"/>
      <c r="AH34" s="124"/>
      <c r="AI34" s="92"/>
      <c r="AJ34" s="92"/>
      <c r="AK34" s="92"/>
      <c r="AL34" s="151"/>
      <c r="AM34" s="149"/>
      <c r="AN34" s="91"/>
      <c r="AO34" s="104"/>
    </row>
    <row r="35" spans="1:41" ht="15.95" customHeight="1" x14ac:dyDescent="0.15">
      <c r="A35" s="148"/>
      <c r="B35" s="92"/>
      <c r="C35" s="92"/>
      <c r="D35" s="145"/>
      <c r="E35" s="250"/>
      <c r="F35" s="232"/>
      <c r="G35" s="232"/>
      <c r="H35" s="233"/>
      <c r="I35" s="132"/>
      <c r="J35" s="132"/>
      <c r="K35" s="132"/>
      <c r="L35" s="132"/>
      <c r="M35" s="121"/>
      <c r="N35" s="151" t="s">
        <v>7</v>
      </c>
      <c r="O35" s="92" t="s">
        <v>381</v>
      </c>
      <c r="P35" s="103"/>
      <c r="Q35" s="102" t="s">
        <v>25</v>
      </c>
      <c r="R35" s="497"/>
      <c r="S35" s="497"/>
      <c r="T35" s="497"/>
      <c r="U35" s="497"/>
      <c r="V35" s="497"/>
      <c r="W35" s="497"/>
      <c r="X35" s="497"/>
      <c r="Y35" s="102" t="s">
        <v>26</v>
      </c>
      <c r="Z35" s="102"/>
      <c r="AA35" s="183"/>
      <c r="AB35" s="91"/>
      <c r="AC35" s="91"/>
      <c r="AD35" s="91"/>
      <c r="AE35" s="91"/>
      <c r="AF35" s="91"/>
      <c r="AG35" s="104"/>
      <c r="AH35" s="91"/>
      <c r="AI35" s="91"/>
      <c r="AJ35" s="91"/>
      <c r="AK35" s="91"/>
      <c r="AL35" s="92"/>
      <c r="AM35" s="149"/>
      <c r="AN35" s="91"/>
      <c r="AO35" s="104"/>
    </row>
    <row r="36" spans="1:41" ht="15.95" customHeight="1" x14ac:dyDescent="0.15">
      <c r="A36" s="148"/>
      <c r="B36" s="92"/>
      <c r="C36" s="92"/>
      <c r="D36" s="145"/>
      <c r="E36" s="250"/>
      <c r="F36" s="232"/>
      <c r="G36" s="232"/>
      <c r="H36" s="233"/>
      <c r="I36" s="132"/>
      <c r="J36" s="132"/>
      <c r="K36" s="132"/>
      <c r="L36" s="132"/>
      <c r="M36" s="146" t="s">
        <v>7</v>
      </c>
      <c r="N36" s="103" t="s">
        <v>382</v>
      </c>
      <c r="O36" s="103"/>
      <c r="P36" s="103"/>
      <c r="Q36" s="103"/>
      <c r="R36" s="103"/>
      <c r="S36" s="103"/>
      <c r="T36" s="103"/>
      <c r="U36" s="102"/>
      <c r="V36" s="103"/>
      <c r="W36" s="102"/>
      <c r="X36" s="102"/>
      <c r="Y36" s="103"/>
      <c r="Z36" s="102"/>
      <c r="AA36" s="102"/>
      <c r="AB36" s="91"/>
      <c r="AC36" s="91"/>
      <c r="AD36" s="91"/>
      <c r="AE36" s="91"/>
      <c r="AF36" s="91"/>
      <c r="AG36" s="104"/>
      <c r="AH36" s="91"/>
      <c r="AI36" s="91"/>
      <c r="AJ36" s="91"/>
      <c r="AK36" s="91"/>
      <c r="AL36" s="92"/>
      <c r="AM36" s="149"/>
      <c r="AN36" s="91"/>
      <c r="AO36" s="104"/>
    </row>
    <row r="37" spans="1:41" ht="15.95" customHeight="1" x14ac:dyDescent="0.15">
      <c r="A37" s="148"/>
      <c r="B37" s="92"/>
      <c r="C37" s="92"/>
      <c r="D37" s="145"/>
      <c r="E37" s="250"/>
      <c r="F37" s="232"/>
      <c r="G37" s="232"/>
      <c r="H37" s="233"/>
      <c r="I37" s="132"/>
      <c r="J37" s="132"/>
      <c r="K37" s="132"/>
      <c r="L37" s="132"/>
      <c r="M37" s="149"/>
      <c r="N37" s="151" t="s">
        <v>7</v>
      </c>
      <c r="O37" s="103" t="s">
        <v>336</v>
      </c>
      <c r="P37" s="103"/>
      <c r="Q37" s="175" t="s">
        <v>94</v>
      </c>
      <c r="R37" s="151" t="s">
        <v>7</v>
      </c>
      <c r="S37" s="102" t="s">
        <v>384</v>
      </c>
      <c r="T37" s="175" t="s">
        <v>144</v>
      </c>
      <c r="U37" s="431"/>
      <c r="V37" s="431"/>
      <c r="W37" s="431"/>
      <c r="X37" s="102" t="s">
        <v>112</v>
      </c>
      <c r="Y37" s="151" t="s">
        <v>7</v>
      </c>
      <c r="Z37" s="103" t="s">
        <v>381</v>
      </c>
      <c r="AA37" s="102"/>
      <c r="AB37" s="109" t="s">
        <v>144</v>
      </c>
      <c r="AC37" s="479"/>
      <c r="AD37" s="479"/>
      <c r="AE37" s="479"/>
      <c r="AF37" s="91" t="s">
        <v>112</v>
      </c>
      <c r="AG37" s="104" t="s">
        <v>673</v>
      </c>
      <c r="AH37" s="102"/>
      <c r="AI37" s="92"/>
      <c r="AJ37" s="182"/>
      <c r="AK37" s="182"/>
      <c r="AL37" s="151"/>
      <c r="AM37" s="149"/>
      <c r="AN37" s="91"/>
      <c r="AO37" s="104"/>
    </row>
    <row r="38" spans="1:41" ht="15.95" customHeight="1" x14ac:dyDescent="0.15">
      <c r="A38" s="148"/>
      <c r="B38" s="92"/>
      <c r="C38" s="92"/>
      <c r="D38" s="145"/>
      <c r="E38" s="250"/>
      <c r="F38" s="232"/>
      <c r="G38" s="232"/>
      <c r="H38" s="233"/>
      <c r="I38" s="132"/>
      <c r="J38" s="132"/>
      <c r="K38" s="132"/>
      <c r="L38" s="132"/>
      <c r="M38" s="155"/>
      <c r="N38" s="102" t="s">
        <v>66</v>
      </c>
      <c r="O38" s="103" t="s">
        <v>387</v>
      </c>
      <c r="P38" s="103"/>
      <c r="Q38" s="103"/>
      <c r="R38" s="103"/>
      <c r="S38" s="103"/>
      <c r="T38" s="175" t="s">
        <v>144</v>
      </c>
      <c r="U38" s="431"/>
      <c r="V38" s="431"/>
      <c r="W38" s="431"/>
      <c r="X38" s="431"/>
      <c r="Y38" s="431"/>
      <c r="Z38" s="431"/>
      <c r="AA38" s="431"/>
      <c r="AB38" s="431"/>
      <c r="AC38" s="431"/>
      <c r="AD38" s="431"/>
      <c r="AE38" s="431"/>
      <c r="AF38" s="91" t="s">
        <v>112</v>
      </c>
      <c r="AG38" s="104"/>
      <c r="AH38" s="102"/>
      <c r="AI38" s="102"/>
      <c r="AJ38" s="91"/>
      <c r="AK38" s="91"/>
      <c r="AL38" s="91"/>
      <c r="AM38" s="149"/>
      <c r="AN38" s="91"/>
      <c r="AO38" s="104"/>
    </row>
    <row r="39" spans="1:41" ht="15.95" customHeight="1" x14ac:dyDescent="0.15">
      <c r="A39" s="148"/>
      <c r="B39" s="92"/>
      <c r="C39" s="92"/>
      <c r="D39" s="145"/>
      <c r="E39" s="250"/>
      <c r="F39" s="232"/>
      <c r="G39" s="232"/>
      <c r="H39" s="233"/>
      <c r="I39" s="132"/>
      <c r="J39" s="132"/>
      <c r="K39" s="132"/>
      <c r="L39" s="132"/>
      <c r="M39" s="149"/>
      <c r="N39" s="151" t="s">
        <v>7</v>
      </c>
      <c r="O39" s="103" t="s">
        <v>388</v>
      </c>
      <c r="P39" s="103"/>
      <c r="Q39" s="175" t="s">
        <v>94</v>
      </c>
      <c r="R39" s="151" t="s">
        <v>7</v>
      </c>
      <c r="S39" s="102" t="s">
        <v>384</v>
      </c>
      <c r="T39" s="175" t="s">
        <v>144</v>
      </c>
      <c r="U39" s="431"/>
      <c r="V39" s="431"/>
      <c r="W39" s="431"/>
      <c r="X39" s="102" t="s">
        <v>112</v>
      </c>
      <c r="Y39" s="151" t="s">
        <v>7</v>
      </c>
      <c r="Z39" s="103" t="s">
        <v>381</v>
      </c>
      <c r="AA39" s="102"/>
      <c r="AB39" s="109" t="s">
        <v>144</v>
      </c>
      <c r="AC39" s="479"/>
      <c r="AD39" s="479"/>
      <c r="AE39" s="479"/>
      <c r="AF39" s="91" t="s">
        <v>112</v>
      </c>
      <c r="AG39" s="104" t="s">
        <v>673</v>
      </c>
      <c r="AH39" s="102"/>
      <c r="AI39" s="102"/>
      <c r="AJ39" s="91"/>
      <c r="AK39" s="91"/>
      <c r="AL39" s="91"/>
      <c r="AM39" s="149"/>
      <c r="AN39" s="91"/>
      <c r="AO39" s="104"/>
    </row>
    <row r="40" spans="1:41" ht="15.95" customHeight="1" x14ac:dyDescent="0.15">
      <c r="A40" s="264"/>
      <c r="B40" s="129"/>
      <c r="C40" s="129"/>
      <c r="D40" s="274"/>
      <c r="E40" s="275"/>
      <c r="F40" s="276"/>
      <c r="G40" s="276"/>
      <c r="H40" s="277"/>
      <c r="I40" s="117"/>
      <c r="J40" s="117"/>
      <c r="K40" s="117"/>
      <c r="L40" s="117"/>
      <c r="M40" s="212"/>
      <c r="N40" s="96" t="s">
        <v>66</v>
      </c>
      <c r="O40" s="97" t="s">
        <v>387</v>
      </c>
      <c r="P40" s="97"/>
      <c r="Q40" s="97"/>
      <c r="R40" s="97"/>
      <c r="S40" s="97"/>
      <c r="T40" s="253" t="s">
        <v>144</v>
      </c>
      <c r="U40" s="456"/>
      <c r="V40" s="456"/>
      <c r="W40" s="456"/>
      <c r="X40" s="456"/>
      <c r="Y40" s="456"/>
      <c r="Z40" s="456"/>
      <c r="AA40" s="456"/>
      <c r="AB40" s="456"/>
      <c r="AC40" s="456"/>
      <c r="AD40" s="456"/>
      <c r="AE40" s="456"/>
      <c r="AF40" s="116" t="s">
        <v>112</v>
      </c>
      <c r="AG40" s="106"/>
      <c r="AH40" s="105"/>
      <c r="AI40" s="96"/>
      <c r="AJ40" s="116"/>
      <c r="AK40" s="116"/>
      <c r="AL40" s="116"/>
      <c r="AM40" s="149"/>
      <c r="AN40" s="91"/>
      <c r="AO40" s="104"/>
    </row>
    <row r="41" spans="1:41" ht="15.95" customHeight="1" x14ac:dyDescent="0.15">
      <c r="A41" s="437" t="s">
        <v>433</v>
      </c>
      <c r="B41" s="438"/>
      <c r="C41" s="438"/>
      <c r="D41" s="438"/>
      <c r="E41" s="437" t="s">
        <v>434</v>
      </c>
      <c r="F41" s="438"/>
      <c r="G41" s="438"/>
      <c r="H41" s="439"/>
      <c r="I41" s="437" t="s">
        <v>435</v>
      </c>
      <c r="J41" s="438"/>
      <c r="K41" s="438"/>
      <c r="L41" s="439"/>
      <c r="M41" s="134" t="s">
        <v>66</v>
      </c>
      <c r="N41" s="98" t="s">
        <v>436</v>
      </c>
      <c r="O41" s="208"/>
      <c r="P41" s="98"/>
      <c r="Q41" s="206"/>
      <c r="R41" s="208"/>
      <c r="S41" s="206" t="s">
        <v>25</v>
      </c>
      <c r="T41" s="578"/>
      <c r="U41" s="578"/>
      <c r="V41" s="578"/>
      <c r="W41" s="578"/>
      <c r="X41" s="239" t="s">
        <v>400</v>
      </c>
      <c r="Y41" s="239" t="s">
        <v>26</v>
      </c>
      <c r="Z41" s="240"/>
      <c r="AA41" s="240"/>
      <c r="AB41" s="240"/>
      <c r="AC41" s="240"/>
      <c r="AD41" s="240"/>
      <c r="AE41" s="240"/>
      <c r="AF41" s="280"/>
      <c r="AG41" s="217"/>
      <c r="AH41" s="138" t="s">
        <v>7</v>
      </c>
      <c r="AI41" s="98" t="s">
        <v>437</v>
      </c>
      <c r="AJ41" s="98"/>
      <c r="AK41" s="98"/>
      <c r="AL41" s="206"/>
      <c r="AM41" s="263"/>
      <c r="AN41" s="114"/>
      <c r="AO41" s="99"/>
    </row>
    <row r="42" spans="1:41" ht="15.95" customHeight="1" x14ac:dyDescent="0.15">
      <c r="A42" s="162"/>
      <c r="B42" s="153"/>
      <c r="C42" s="153"/>
      <c r="D42" s="153"/>
      <c r="E42" s="148"/>
      <c r="F42" s="92"/>
      <c r="G42" s="92"/>
      <c r="H42" s="145"/>
      <c r="I42" s="148"/>
      <c r="J42" s="92"/>
      <c r="K42" s="92"/>
      <c r="L42" s="145"/>
      <c r="M42" s="155" t="s">
        <v>66</v>
      </c>
      <c r="N42" s="92" t="s">
        <v>438</v>
      </c>
      <c r="O42" s="103"/>
      <c r="P42" s="92"/>
      <c r="Q42" s="102"/>
      <c r="R42" s="103"/>
      <c r="S42" s="91"/>
      <c r="T42" s="91"/>
      <c r="U42" s="91"/>
      <c r="V42" s="91"/>
      <c r="W42" s="91"/>
      <c r="X42" s="156"/>
      <c r="Y42" s="156"/>
      <c r="Z42" s="156"/>
      <c r="AA42" s="156"/>
      <c r="AB42" s="156"/>
      <c r="AC42" s="156"/>
      <c r="AD42" s="156"/>
      <c r="AE42" s="156"/>
      <c r="AF42" s="176"/>
      <c r="AG42" s="152"/>
      <c r="AH42" s="146" t="s">
        <v>7</v>
      </c>
      <c r="AI42" s="182"/>
      <c r="AJ42" s="92"/>
      <c r="AK42" s="92"/>
      <c r="AL42" s="92"/>
      <c r="AM42" s="318"/>
      <c r="AN42" s="91"/>
      <c r="AO42" s="104"/>
    </row>
    <row r="43" spans="1:41" ht="15.95" customHeight="1" x14ac:dyDescent="0.15">
      <c r="A43" s="162"/>
      <c r="B43" s="153"/>
      <c r="C43" s="153"/>
      <c r="D43" s="153"/>
      <c r="E43" s="148"/>
      <c r="F43" s="92"/>
      <c r="G43" s="92"/>
      <c r="H43" s="145"/>
      <c r="I43" s="148"/>
      <c r="J43" s="92"/>
      <c r="K43" s="92"/>
      <c r="L43" s="145"/>
      <c r="M43" s="218"/>
      <c r="N43" s="102" t="s">
        <v>25</v>
      </c>
      <c r="O43" s="480"/>
      <c r="P43" s="480"/>
      <c r="Q43" s="102" t="s">
        <v>439</v>
      </c>
      <c r="R43" s="102" t="s">
        <v>26</v>
      </c>
      <c r="S43" s="102" t="s">
        <v>25</v>
      </c>
      <c r="T43" s="577"/>
      <c r="U43" s="577"/>
      <c r="V43" s="577"/>
      <c r="W43" s="577"/>
      <c r="X43" s="194" t="s">
        <v>400</v>
      </c>
      <c r="Y43" s="194" t="s">
        <v>26</v>
      </c>
      <c r="Z43" s="156"/>
      <c r="AA43" s="156"/>
      <c r="AB43" s="156"/>
      <c r="AC43" s="156"/>
      <c r="AD43" s="156"/>
      <c r="AE43" s="156"/>
      <c r="AF43" s="176"/>
      <c r="AG43" s="152"/>
      <c r="AH43" s="155"/>
      <c r="AI43" s="182"/>
      <c r="AJ43" s="182"/>
      <c r="AK43" s="182"/>
      <c r="AL43" s="182"/>
      <c r="AM43" s="149"/>
      <c r="AN43" s="91"/>
      <c r="AO43" s="104"/>
    </row>
    <row r="44" spans="1:41" ht="15.95" customHeight="1" x14ac:dyDescent="0.15">
      <c r="A44" s="164"/>
      <c r="B44" s="165"/>
      <c r="C44" s="165"/>
      <c r="D44" s="165"/>
      <c r="E44" s="169"/>
      <c r="F44" s="105"/>
      <c r="G44" s="105"/>
      <c r="H44" s="170"/>
      <c r="I44" s="169"/>
      <c r="J44" s="105"/>
      <c r="K44" s="105"/>
      <c r="L44" s="170"/>
      <c r="M44" s="281"/>
      <c r="N44" s="105" t="s">
        <v>440</v>
      </c>
      <c r="O44" s="97"/>
      <c r="P44" s="105"/>
      <c r="Q44" s="96"/>
      <c r="R44" s="97"/>
      <c r="S44" s="96" t="s">
        <v>25</v>
      </c>
      <c r="T44" s="579"/>
      <c r="U44" s="579"/>
      <c r="V44" s="579"/>
      <c r="W44" s="579"/>
      <c r="X44" s="190" t="s">
        <v>400</v>
      </c>
      <c r="Y44" s="190" t="s">
        <v>26</v>
      </c>
      <c r="Z44" s="238"/>
      <c r="AA44" s="238"/>
      <c r="AB44" s="238"/>
      <c r="AC44" s="238"/>
      <c r="AD44" s="238"/>
      <c r="AE44" s="238"/>
      <c r="AF44" s="237"/>
      <c r="AG44" s="259"/>
      <c r="AH44" s="212"/>
      <c r="AI44" s="105"/>
      <c r="AJ44" s="105"/>
      <c r="AK44" s="105"/>
      <c r="AL44" s="105"/>
      <c r="AM44" s="219"/>
      <c r="AN44" s="116"/>
      <c r="AO44" s="106"/>
    </row>
    <row r="45" spans="1:41" ht="15.95" customHeight="1" x14ac:dyDescent="0.15">
      <c r="A45" s="449" t="s">
        <v>441</v>
      </c>
      <c r="B45" s="450"/>
      <c r="C45" s="450"/>
      <c r="D45" s="450"/>
      <c r="E45" s="449"/>
      <c r="F45" s="450"/>
      <c r="G45" s="450"/>
      <c r="H45" s="451"/>
      <c r="I45" s="449" t="s">
        <v>442</v>
      </c>
      <c r="J45" s="450"/>
      <c r="K45" s="450"/>
      <c r="L45" s="451"/>
      <c r="M45" s="155" t="s">
        <v>66</v>
      </c>
      <c r="N45" s="92" t="s">
        <v>443</v>
      </c>
      <c r="O45" s="103"/>
      <c r="P45" s="92"/>
      <c r="Q45" s="102"/>
      <c r="R45" s="103"/>
      <c r="S45" s="102" t="s">
        <v>25</v>
      </c>
      <c r="T45" s="577"/>
      <c r="U45" s="577"/>
      <c r="V45" s="194" t="s">
        <v>26</v>
      </c>
      <c r="W45" s="156" t="s">
        <v>444</v>
      </c>
      <c r="X45" s="91"/>
      <c r="Y45" s="91"/>
      <c r="Z45" s="156"/>
      <c r="AA45" s="156"/>
      <c r="AB45" s="156"/>
      <c r="AC45" s="156"/>
      <c r="AD45" s="156"/>
      <c r="AE45" s="156"/>
      <c r="AF45" s="176"/>
      <c r="AG45" s="152"/>
      <c r="AH45" s="146" t="s">
        <v>7</v>
      </c>
      <c r="AI45" s="92" t="s">
        <v>445</v>
      </c>
      <c r="AJ45" s="92"/>
      <c r="AK45" s="92"/>
      <c r="AL45" s="92"/>
      <c r="AM45" s="149"/>
      <c r="AN45" s="91"/>
      <c r="AO45" s="104"/>
    </row>
    <row r="46" spans="1:41" ht="15.95" customHeight="1" x14ac:dyDescent="0.15">
      <c r="A46" s="449" t="s">
        <v>446</v>
      </c>
      <c r="B46" s="450"/>
      <c r="C46" s="450"/>
      <c r="D46" s="450"/>
      <c r="E46" s="148"/>
      <c r="F46" s="92"/>
      <c r="G46" s="92"/>
      <c r="H46" s="145"/>
      <c r="I46" s="449" t="s">
        <v>447</v>
      </c>
      <c r="J46" s="450"/>
      <c r="K46" s="450"/>
      <c r="L46" s="451"/>
      <c r="M46" s="218"/>
      <c r="N46" s="151" t="s">
        <v>7</v>
      </c>
      <c r="O46" s="103" t="s">
        <v>448</v>
      </c>
      <c r="P46" s="92"/>
      <c r="Q46" s="102"/>
      <c r="R46" s="103"/>
      <c r="S46" s="103"/>
      <c r="T46" s="102"/>
      <c r="U46" s="103"/>
      <c r="V46" s="103"/>
      <c r="W46" s="102"/>
      <c r="X46" s="176"/>
      <c r="Y46" s="176"/>
      <c r="Z46" s="176"/>
      <c r="AA46" s="176"/>
      <c r="AB46" s="176"/>
      <c r="AC46" s="176"/>
      <c r="AD46" s="176"/>
      <c r="AE46" s="176"/>
      <c r="AF46" s="176"/>
      <c r="AG46" s="152"/>
      <c r="AH46" s="146" t="s">
        <v>7</v>
      </c>
      <c r="AI46" s="580" t="s">
        <v>831</v>
      </c>
      <c r="AJ46" s="580"/>
      <c r="AK46" s="580"/>
      <c r="AL46" s="581"/>
      <c r="AM46" s="149"/>
      <c r="AN46" s="91"/>
      <c r="AO46" s="104"/>
    </row>
    <row r="47" spans="1:41" ht="15.95" customHeight="1" x14ac:dyDescent="0.15">
      <c r="A47" s="164"/>
      <c r="B47" s="165"/>
      <c r="C47" s="165"/>
      <c r="D47" s="165"/>
      <c r="E47" s="169"/>
      <c r="F47" s="105"/>
      <c r="G47" s="105"/>
      <c r="H47" s="170"/>
      <c r="I47" s="169"/>
      <c r="J47" s="105"/>
      <c r="K47" s="105"/>
      <c r="L47" s="170"/>
      <c r="M47" s="281"/>
      <c r="N47" s="105"/>
      <c r="O47" s="97"/>
      <c r="P47" s="105"/>
      <c r="Q47" s="96"/>
      <c r="R47" s="97"/>
      <c r="S47" s="97"/>
      <c r="T47" s="96"/>
      <c r="U47" s="97"/>
      <c r="V47" s="97"/>
      <c r="W47" s="96"/>
      <c r="X47" s="237"/>
      <c r="Y47" s="237"/>
      <c r="Z47" s="237"/>
      <c r="AA47" s="237"/>
      <c r="AB47" s="237"/>
      <c r="AC47" s="237"/>
      <c r="AD47" s="237"/>
      <c r="AE47" s="237"/>
      <c r="AF47" s="237"/>
      <c r="AG47" s="259"/>
      <c r="AH47" s="167"/>
      <c r="AI47" s="238"/>
      <c r="AJ47" s="200"/>
      <c r="AK47" s="200"/>
      <c r="AL47" s="200"/>
      <c r="AM47" s="219"/>
      <c r="AN47" s="116"/>
      <c r="AO47" s="106"/>
    </row>
    <row r="48" spans="1:41" ht="15.95" customHeight="1" x14ac:dyDescent="0.15">
      <c r="A48" s="449" t="s">
        <v>450</v>
      </c>
      <c r="B48" s="450"/>
      <c r="C48" s="450"/>
      <c r="D48" s="450"/>
      <c r="E48" s="449"/>
      <c r="F48" s="450"/>
      <c r="G48" s="450"/>
      <c r="H48" s="451"/>
      <c r="I48" s="449" t="s">
        <v>451</v>
      </c>
      <c r="J48" s="450"/>
      <c r="K48" s="450"/>
      <c r="L48" s="451"/>
      <c r="M48" s="151" t="s">
        <v>7</v>
      </c>
      <c r="N48" s="103" t="s">
        <v>453</v>
      </c>
      <c r="O48" s="92"/>
      <c r="P48" s="102"/>
      <c r="Q48" s="103"/>
      <c r="R48" s="103"/>
      <c r="S48" s="102"/>
      <c r="T48" s="103"/>
      <c r="U48" s="103"/>
      <c r="V48" s="103"/>
      <c r="W48" s="102"/>
      <c r="X48" s="176"/>
      <c r="Y48" s="176"/>
      <c r="Z48" s="176"/>
      <c r="AA48" s="176"/>
      <c r="AB48" s="176"/>
      <c r="AC48" s="176"/>
      <c r="AD48" s="176"/>
      <c r="AE48" s="176"/>
      <c r="AF48" s="176"/>
      <c r="AG48" s="152"/>
      <c r="AH48" s="146" t="s">
        <v>7</v>
      </c>
      <c r="AI48" s="92" t="s">
        <v>445</v>
      </c>
      <c r="AJ48" s="92"/>
      <c r="AK48" s="92"/>
      <c r="AL48" s="92"/>
      <c r="AM48" s="149"/>
      <c r="AN48" s="91"/>
      <c r="AO48" s="104"/>
    </row>
    <row r="49" spans="1:41" ht="15.95" customHeight="1" x14ac:dyDescent="0.15">
      <c r="A49" s="219"/>
      <c r="B49" s="116"/>
      <c r="C49" s="116"/>
      <c r="D49" s="116"/>
      <c r="E49" s="169"/>
      <c r="F49" s="105"/>
      <c r="G49" s="105"/>
      <c r="H49" s="170"/>
      <c r="I49" s="169"/>
      <c r="J49" s="105"/>
      <c r="K49" s="105"/>
      <c r="L49" s="170"/>
      <c r="M49" s="126"/>
      <c r="N49" s="97"/>
      <c r="O49" s="105"/>
      <c r="P49" s="96"/>
      <c r="Q49" s="97"/>
      <c r="R49" s="97"/>
      <c r="S49" s="96"/>
      <c r="T49" s="97"/>
      <c r="U49" s="97"/>
      <c r="V49" s="97"/>
      <c r="W49" s="96"/>
      <c r="X49" s="237"/>
      <c r="Y49" s="237"/>
      <c r="Z49" s="237"/>
      <c r="AA49" s="237"/>
      <c r="AB49" s="237"/>
      <c r="AC49" s="237"/>
      <c r="AD49" s="237"/>
      <c r="AE49" s="237"/>
      <c r="AF49" s="237"/>
      <c r="AG49" s="259"/>
      <c r="AH49" s="212"/>
      <c r="AI49" s="200"/>
      <c r="AJ49" s="200"/>
      <c r="AK49" s="200"/>
      <c r="AL49" s="200"/>
      <c r="AM49" s="219"/>
      <c r="AN49" s="116"/>
      <c r="AO49" s="106"/>
    </row>
    <row r="50" spans="1:41" ht="15.95" customHeight="1" x14ac:dyDescent="0.15">
      <c r="A50" s="449" t="s">
        <v>454</v>
      </c>
      <c r="B50" s="450"/>
      <c r="C50" s="450"/>
      <c r="D50" s="451"/>
      <c r="E50" s="450" t="s">
        <v>455</v>
      </c>
      <c r="F50" s="450"/>
      <c r="G50" s="450"/>
      <c r="H50" s="450"/>
      <c r="I50" s="449" t="s">
        <v>456</v>
      </c>
      <c r="J50" s="450"/>
      <c r="K50" s="450"/>
      <c r="L50" s="451"/>
      <c r="M50" s="282" t="s">
        <v>457</v>
      </c>
      <c r="N50" s="91"/>
      <c r="O50" s="91"/>
      <c r="P50" s="91"/>
      <c r="Q50" s="91"/>
      <c r="R50" s="91"/>
      <c r="S50" s="91"/>
      <c r="T50" s="91"/>
      <c r="U50" s="91"/>
      <c r="V50" s="91"/>
      <c r="W50" s="91"/>
      <c r="X50" s="91"/>
      <c r="Y50" s="91"/>
      <c r="Z50" s="91"/>
      <c r="AA50" s="91"/>
      <c r="AB50" s="91"/>
      <c r="AC50" s="91"/>
      <c r="AD50" s="91"/>
      <c r="AE50" s="91"/>
      <c r="AF50" s="91"/>
      <c r="AG50" s="91"/>
      <c r="AH50" s="146" t="s">
        <v>7</v>
      </c>
      <c r="AI50" s="92" t="s">
        <v>458</v>
      </c>
      <c r="AJ50" s="91"/>
      <c r="AK50" s="91"/>
      <c r="AL50" s="91"/>
      <c r="AM50" s="149"/>
      <c r="AN50" s="91"/>
      <c r="AO50" s="104"/>
    </row>
    <row r="51" spans="1:41" ht="15.95" customHeight="1" x14ac:dyDescent="0.15">
      <c r="A51" s="449" t="s">
        <v>459</v>
      </c>
      <c r="B51" s="450"/>
      <c r="C51" s="450"/>
      <c r="D51" s="451"/>
      <c r="E51" s="450" t="s">
        <v>459</v>
      </c>
      <c r="F51" s="450"/>
      <c r="G51" s="450"/>
      <c r="H51" s="450"/>
      <c r="I51" s="449" t="s">
        <v>460</v>
      </c>
      <c r="J51" s="450"/>
      <c r="K51" s="450"/>
      <c r="L51" s="451"/>
      <c r="M51" s="282" t="s">
        <v>461</v>
      </c>
      <c r="N51" s="91"/>
      <c r="O51" s="91"/>
      <c r="P51" s="91"/>
      <c r="Q51" s="91"/>
      <c r="R51" s="91"/>
      <c r="S51" s="91"/>
      <c r="T51" s="91"/>
      <c r="U51" s="91"/>
      <c r="V51" s="91"/>
      <c r="W51" s="91"/>
      <c r="X51" s="91"/>
      <c r="Y51" s="91"/>
      <c r="Z51" s="91"/>
      <c r="AA51" s="91"/>
      <c r="AB51" s="91"/>
      <c r="AC51" s="91"/>
      <c r="AD51" s="91"/>
      <c r="AE51" s="91"/>
      <c r="AF51" s="91"/>
      <c r="AG51" s="91"/>
      <c r="AH51" s="149"/>
      <c r="AI51" s="91"/>
      <c r="AJ51" s="91"/>
      <c r="AK51" s="91"/>
      <c r="AL51" s="91"/>
      <c r="AM51" s="149"/>
      <c r="AN51" s="91"/>
      <c r="AO51" s="104"/>
    </row>
    <row r="52" spans="1:41" ht="15.95" customHeight="1" x14ac:dyDescent="0.15">
      <c r="A52" s="162"/>
      <c r="B52" s="153"/>
      <c r="C52" s="153"/>
      <c r="D52" s="154"/>
      <c r="E52" s="153"/>
      <c r="F52" s="153"/>
      <c r="G52" s="153"/>
      <c r="H52" s="153"/>
      <c r="I52" s="162"/>
      <c r="J52" s="153"/>
      <c r="K52" s="153"/>
      <c r="L52" s="154"/>
      <c r="M52" s="121"/>
      <c r="N52" s="151" t="s">
        <v>7</v>
      </c>
      <c r="O52" s="92" t="s">
        <v>462</v>
      </c>
      <c r="P52" s="91"/>
      <c r="Q52" s="91"/>
      <c r="R52" s="91"/>
      <c r="S52" s="91"/>
      <c r="T52" s="91"/>
      <c r="U52" s="91"/>
      <c r="V52" s="91"/>
      <c r="W52" s="91"/>
      <c r="X52" s="91"/>
      <c r="Y52" s="91"/>
      <c r="Z52" s="91"/>
      <c r="AA52" s="91"/>
      <c r="AB52" s="91"/>
      <c r="AC52" s="91"/>
      <c r="AD52" s="91"/>
      <c r="AE52" s="91"/>
      <c r="AF52" s="91"/>
      <c r="AG52" s="104"/>
      <c r="AH52" s="149"/>
      <c r="AI52" s="91"/>
      <c r="AJ52" s="91"/>
      <c r="AK52" s="91"/>
      <c r="AL52" s="91"/>
      <c r="AM52" s="149"/>
      <c r="AN52" s="91"/>
      <c r="AO52" s="104"/>
    </row>
    <row r="53" spans="1:41" ht="15.95" customHeight="1" x14ac:dyDescent="0.15">
      <c r="A53" s="162"/>
      <c r="B53" s="153"/>
      <c r="C53" s="153"/>
      <c r="D53" s="153"/>
      <c r="E53" s="162"/>
      <c r="F53" s="153"/>
      <c r="G53" s="153"/>
      <c r="H53" s="153"/>
      <c r="I53" s="162"/>
      <c r="J53" s="153"/>
      <c r="K53" s="153"/>
      <c r="L53" s="154"/>
      <c r="M53" s="121"/>
      <c r="N53" s="151" t="s">
        <v>7</v>
      </c>
      <c r="O53" s="92" t="s">
        <v>463</v>
      </c>
      <c r="P53" s="91"/>
      <c r="Q53" s="92" t="s">
        <v>464</v>
      </c>
      <c r="R53" s="91"/>
      <c r="S53" s="91"/>
      <c r="T53" s="91"/>
      <c r="U53" s="91"/>
      <c r="V53" s="91"/>
      <c r="W53" s="91"/>
      <c r="X53" s="91"/>
      <c r="Y53" s="91"/>
      <c r="Z53" s="91"/>
      <c r="AA53" s="91"/>
      <c r="AB53" s="91"/>
      <c r="AC53" s="91"/>
      <c r="AD53" s="91"/>
      <c r="AE53" s="91"/>
      <c r="AF53" s="91"/>
      <c r="AG53" s="104"/>
      <c r="AH53" s="149"/>
      <c r="AI53" s="91"/>
      <c r="AJ53" s="91"/>
      <c r="AK53" s="91"/>
      <c r="AL53" s="91"/>
      <c r="AM53" s="149"/>
      <c r="AN53" s="91"/>
      <c r="AO53" s="104"/>
    </row>
    <row r="54" spans="1:41" ht="15.95" customHeight="1" x14ac:dyDescent="0.15">
      <c r="A54" s="162"/>
      <c r="B54" s="153"/>
      <c r="C54" s="153"/>
      <c r="D54" s="153"/>
      <c r="E54" s="162"/>
      <c r="F54" s="153"/>
      <c r="G54" s="153"/>
      <c r="H54" s="153"/>
      <c r="I54" s="162"/>
      <c r="J54" s="153"/>
      <c r="K54" s="153"/>
      <c r="L54" s="153"/>
      <c r="M54" s="121"/>
      <c r="N54" s="151"/>
      <c r="O54" s="151" t="s">
        <v>7</v>
      </c>
      <c r="P54" s="92" t="s">
        <v>465</v>
      </c>
      <c r="Q54" s="92"/>
      <c r="R54" s="91"/>
      <c r="S54" s="91"/>
      <c r="T54" s="91"/>
      <c r="U54" s="91"/>
      <c r="V54" s="91"/>
      <c r="W54" s="91"/>
      <c r="X54" s="91"/>
      <c r="Y54" s="91"/>
      <c r="Z54" s="91"/>
      <c r="AA54" s="91"/>
      <c r="AB54" s="91"/>
      <c r="AC54" s="91"/>
      <c r="AD54" s="91"/>
      <c r="AE54" s="91"/>
      <c r="AF54" s="91"/>
      <c r="AG54" s="91"/>
      <c r="AH54" s="149"/>
      <c r="AI54" s="91"/>
      <c r="AJ54" s="91"/>
      <c r="AK54" s="91"/>
      <c r="AL54" s="91"/>
      <c r="AM54" s="149"/>
      <c r="AN54" s="91"/>
      <c r="AO54" s="104"/>
    </row>
    <row r="55" spans="1:41" ht="15.95" customHeight="1" x14ac:dyDescent="0.15">
      <c r="A55" s="162"/>
      <c r="B55" s="153"/>
      <c r="C55" s="153"/>
      <c r="D55" s="153"/>
      <c r="E55" s="162"/>
      <c r="F55" s="153"/>
      <c r="G55" s="153"/>
      <c r="H55" s="153"/>
      <c r="I55" s="162"/>
      <c r="J55" s="153"/>
      <c r="K55" s="153"/>
      <c r="L55" s="153"/>
      <c r="M55" s="283" t="s">
        <v>466</v>
      </c>
      <c r="N55" s="91"/>
      <c r="O55" s="91"/>
      <c r="P55" s="91"/>
      <c r="Q55" s="91"/>
      <c r="R55" s="91"/>
      <c r="S55" s="91"/>
      <c r="T55" s="91"/>
      <c r="U55" s="91"/>
      <c r="V55" s="91"/>
      <c r="W55" s="91"/>
      <c r="X55" s="91"/>
      <c r="Y55" s="91"/>
      <c r="Z55" s="91"/>
      <c r="AA55" s="91"/>
      <c r="AB55" s="91"/>
      <c r="AC55" s="91"/>
      <c r="AD55" s="91"/>
      <c r="AE55" s="91"/>
      <c r="AF55" s="91"/>
      <c r="AG55" s="91"/>
      <c r="AH55" s="149"/>
      <c r="AI55" s="91"/>
      <c r="AJ55" s="91"/>
      <c r="AK55" s="91"/>
      <c r="AL55" s="91"/>
      <c r="AM55" s="149"/>
      <c r="AN55" s="91"/>
      <c r="AO55" s="104"/>
    </row>
    <row r="56" spans="1:41" ht="15.95" customHeight="1" x14ac:dyDescent="0.15">
      <c r="A56" s="149"/>
      <c r="B56" s="91"/>
      <c r="C56" s="91"/>
      <c r="D56" s="91"/>
      <c r="E56" s="149"/>
      <c r="F56" s="91"/>
      <c r="G56" s="91"/>
      <c r="H56" s="91"/>
      <c r="I56" s="149"/>
      <c r="J56" s="91"/>
      <c r="K56" s="91"/>
      <c r="L56" s="91"/>
      <c r="M56" s="283" t="s">
        <v>467</v>
      </c>
      <c r="N56" s="91"/>
      <c r="O56" s="91"/>
      <c r="P56" s="91"/>
      <c r="Q56" s="91"/>
      <c r="R56" s="91"/>
      <c r="S56" s="91"/>
      <c r="T56" s="91"/>
      <c r="U56" s="91"/>
      <c r="V56" s="91"/>
      <c r="W56" s="91"/>
      <c r="X56" s="91"/>
      <c r="Y56" s="91"/>
      <c r="Z56" s="91"/>
      <c r="AA56" s="91"/>
      <c r="AB56" s="91"/>
      <c r="AC56" s="91"/>
      <c r="AD56" s="91"/>
      <c r="AE56" s="91"/>
      <c r="AF56" s="91"/>
      <c r="AG56" s="91"/>
      <c r="AH56" s="149"/>
      <c r="AI56" s="91"/>
      <c r="AJ56" s="91"/>
      <c r="AK56" s="91"/>
      <c r="AL56" s="91"/>
      <c r="AM56" s="149"/>
      <c r="AN56" s="91"/>
      <c r="AO56" s="104"/>
    </row>
    <row r="57" spans="1:41" ht="15.95" customHeight="1" x14ac:dyDescent="0.15">
      <c r="A57" s="219"/>
      <c r="B57" s="116"/>
      <c r="C57" s="116"/>
      <c r="D57" s="116"/>
      <c r="E57" s="219"/>
      <c r="F57" s="116"/>
      <c r="G57" s="116"/>
      <c r="H57" s="116"/>
      <c r="I57" s="219"/>
      <c r="J57" s="116"/>
      <c r="K57" s="116"/>
      <c r="L57" s="116"/>
      <c r="M57" s="219"/>
      <c r="N57" s="126" t="s">
        <v>7</v>
      </c>
      <c r="O57" s="105" t="s">
        <v>462</v>
      </c>
      <c r="P57" s="116"/>
      <c r="Q57" s="116"/>
      <c r="R57" s="116"/>
      <c r="S57" s="116"/>
      <c r="T57" s="116"/>
      <c r="U57" s="116"/>
      <c r="V57" s="116"/>
      <c r="W57" s="116"/>
      <c r="X57" s="116"/>
      <c r="Y57" s="116"/>
      <c r="Z57" s="116"/>
      <c r="AA57" s="116"/>
      <c r="AB57" s="116"/>
      <c r="AC57" s="116"/>
      <c r="AD57" s="116"/>
      <c r="AE57" s="116"/>
      <c r="AF57" s="116"/>
      <c r="AG57" s="116"/>
      <c r="AH57" s="219"/>
      <c r="AI57" s="116"/>
      <c r="AJ57" s="116"/>
      <c r="AK57" s="116"/>
      <c r="AL57" s="116"/>
      <c r="AM57" s="219"/>
      <c r="AN57" s="116"/>
      <c r="AO57" s="106"/>
    </row>
    <row r="58" spans="1:41" ht="15.95" customHeight="1" x14ac:dyDescent="0.15">
      <c r="A58" s="437" t="s">
        <v>762</v>
      </c>
      <c r="B58" s="438"/>
      <c r="C58" s="438"/>
      <c r="D58" s="438"/>
      <c r="E58" s="437"/>
      <c r="F58" s="438"/>
      <c r="G58" s="438"/>
      <c r="H58" s="439"/>
      <c r="I58" s="438" t="s">
        <v>763</v>
      </c>
      <c r="J58" s="438"/>
      <c r="K58" s="438"/>
      <c r="L58" s="438"/>
      <c r="M58" s="348" t="s">
        <v>764</v>
      </c>
      <c r="N58" s="114"/>
      <c r="O58" s="114"/>
      <c r="P58" s="114"/>
      <c r="Q58" s="114"/>
      <c r="R58" s="114"/>
      <c r="S58" s="114"/>
      <c r="T58" s="114"/>
      <c r="U58" s="114"/>
      <c r="V58" s="114"/>
      <c r="W58" s="114"/>
      <c r="X58" s="114"/>
      <c r="Y58" s="114"/>
      <c r="Z58" s="114"/>
      <c r="AA58" s="114"/>
      <c r="AB58" s="114"/>
      <c r="AC58" s="114"/>
      <c r="AD58" s="114"/>
      <c r="AE58" s="114"/>
      <c r="AF58" s="114"/>
      <c r="AG58" s="99"/>
      <c r="AH58" s="146" t="s">
        <v>7</v>
      </c>
      <c r="AI58" s="92" t="s">
        <v>458</v>
      </c>
      <c r="AJ58" s="114"/>
      <c r="AK58" s="114"/>
      <c r="AL58" s="114"/>
      <c r="AM58" s="263"/>
      <c r="AN58" s="114"/>
      <c r="AO58" s="99"/>
    </row>
    <row r="59" spans="1:41" ht="15.95" customHeight="1" x14ac:dyDescent="0.15">
      <c r="A59" s="449" t="s">
        <v>459</v>
      </c>
      <c r="B59" s="450"/>
      <c r="C59" s="450"/>
      <c r="D59" s="450"/>
      <c r="E59" s="449"/>
      <c r="F59" s="450"/>
      <c r="G59" s="450"/>
      <c r="H59" s="451"/>
      <c r="I59" s="450" t="s">
        <v>765</v>
      </c>
      <c r="J59" s="450"/>
      <c r="K59" s="450"/>
      <c r="L59" s="450"/>
      <c r="M59" s="349"/>
      <c r="N59" s="151" t="s">
        <v>7</v>
      </c>
      <c r="O59" s="92" t="s">
        <v>462</v>
      </c>
      <c r="P59" s="91"/>
      <c r="Q59" s="91"/>
      <c r="R59" s="91"/>
      <c r="S59" s="91"/>
      <c r="T59" s="91"/>
      <c r="U59" s="91"/>
      <c r="V59" s="91"/>
      <c r="W59" s="91"/>
      <c r="X59" s="91"/>
      <c r="Y59" s="91"/>
      <c r="Z59" s="91"/>
      <c r="AA59" s="91"/>
      <c r="AB59" s="91"/>
      <c r="AC59" s="91"/>
      <c r="AD59" s="91"/>
      <c r="AE59" s="91"/>
      <c r="AF59" s="91"/>
      <c r="AG59" s="104"/>
      <c r="AH59" s="91"/>
      <c r="AI59" s="92"/>
      <c r="AJ59" s="91"/>
      <c r="AK59" s="91"/>
      <c r="AL59" s="91"/>
      <c r="AM59" s="149"/>
      <c r="AN59" s="91"/>
      <c r="AO59" s="104"/>
    </row>
    <row r="60" spans="1:41" ht="15.95" customHeight="1" x14ac:dyDescent="0.15">
      <c r="A60" s="162"/>
      <c r="B60" s="153"/>
      <c r="C60" s="153"/>
      <c r="D60" s="153"/>
      <c r="E60" s="162"/>
      <c r="F60" s="153"/>
      <c r="G60" s="153"/>
      <c r="H60" s="154"/>
      <c r="I60" s="153"/>
      <c r="J60" s="153"/>
      <c r="K60" s="153"/>
      <c r="L60" s="153"/>
      <c r="M60" s="349" t="s">
        <v>766</v>
      </c>
      <c r="N60" s="151"/>
      <c r="O60" s="92"/>
      <c r="P60" s="91"/>
      <c r="Q60" s="91"/>
      <c r="R60" s="91"/>
      <c r="S60" s="91"/>
      <c r="T60" s="91"/>
      <c r="U60" s="91"/>
      <c r="V60" s="91"/>
      <c r="W60" s="91"/>
      <c r="X60" s="91"/>
      <c r="Y60" s="91"/>
      <c r="Z60" s="91"/>
      <c r="AA60" s="91"/>
      <c r="AB60" s="91"/>
      <c r="AC60" s="91"/>
      <c r="AD60" s="91"/>
      <c r="AE60" s="91"/>
      <c r="AF60" s="91"/>
      <c r="AG60" s="104"/>
      <c r="AH60" s="91"/>
      <c r="AI60" s="92"/>
      <c r="AJ60" s="91"/>
      <c r="AK60" s="91"/>
      <c r="AL60" s="91"/>
      <c r="AM60" s="149"/>
      <c r="AN60" s="91"/>
      <c r="AO60" s="104"/>
    </row>
    <row r="61" spans="1:41" ht="15.95" customHeight="1" x14ac:dyDescent="0.15">
      <c r="A61" s="162"/>
      <c r="B61" s="153"/>
      <c r="C61" s="153"/>
      <c r="D61" s="153"/>
      <c r="E61" s="162"/>
      <c r="F61" s="153"/>
      <c r="G61" s="153"/>
      <c r="H61" s="154"/>
      <c r="I61" s="153"/>
      <c r="J61" s="153"/>
      <c r="K61" s="153"/>
      <c r="L61" s="153"/>
      <c r="M61" s="349" t="s">
        <v>767</v>
      </c>
      <c r="N61" s="151"/>
      <c r="O61" s="92"/>
      <c r="P61" s="91"/>
      <c r="Q61" s="92"/>
      <c r="R61" s="91"/>
      <c r="S61" s="91"/>
      <c r="T61" s="91"/>
      <c r="U61" s="91"/>
      <c r="V61" s="91"/>
      <c r="W61" s="91"/>
      <c r="X61" s="91"/>
      <c r="Y61" s="91"/>
      <c r="Z61" s="91"/>
      <c r="AA61" s="91"/>
      <c r="AB61" s="91"/>
      <c r="AC61" s="91"/>
      <c r="AD61" s="91"/>
      <c r="AE61" s="91"/>
      <c r="AF61" s="91"/>
      <c r="AG61" s="104"/>
      <c r="AH61" s="91"/>
      <c r="AI61" s="92"/>
      <c r="AJ61" s="91"/>
      <c r="AK61" s="91"/>
      <c r="AL61" s="91"/>
      <c r="AM61" s="149"/>
      <c r="AN61" s="91"/>
      <c r="AO61" s="104"/>
    </row>
    <row r="62" spans="1:41" ht="15.95" customHeight="1" x14ac:dyDescent="0.15">
      <c r="A62" s="162"/>
      <c r="B62" s="153"/>
      <c r="C62" s="153"/>
      <c r="D62" s="153"/>
      <c r="E62" s="162"/>
      <c r="F62" s="153"/>
      <c r="G62" s="153"/>
      <c r="H62" s="154"/>
      <c r="I62" s="153"/>
      <c r="J62" s="153"/>
      <c r="K62" s="153"/>
      <c r="L62" s="153"/>
      <c r="M62" s="121"/>
      <c r="N62" s="151" t="s">
        <v>7</v>
      </c>
      <c r="O62" s="92" t="s">
        <v>462</v>
      </c>
      <c r="P62" s="92"/>
      <c r="Q62" s="92"/>
      <c r="R62" s="91"/>
      <c r="S62" s="91"/>
      <c r="T62" s="91"/>
      <c r="U62" s="91"/>
      <c r="V62" s="91"/>
      <c r="W62" s="91"/>
      <c r="X62" s="91"/>
      <c r="Y62" s="91"/>
      <c r="Z62" s="91"/>
      <c r="AA62" s="91"/>
      <c r="AB62" s="91"/>
      <c r="AC62" s="91"/>
      <c r="AD62" s="91"/>
      <c r="AE62" s="91"/>
      <c r="AF62" s="91"/>
      <c r="AG62" s="104"/>
      <c r="AH62" s="91"/>
      <c r="AI62" s="92"/>
      <c r="AJ62" s="91"/>
      <c r="AK62" s="91"/>
      <c r="AL62" s="91"/>
      <c r="AM62" s="149"/>
      <c r="AN62" s="91"/>
      <c r="AO62" s="104"/>
    </row>
    <row r="63" spans="1:41" ht="15.95" customHeight="1" x14ac:dyDescent="0.15">
      <c r="A63" s="162"/>
      <c r="B63" s="153"/>
      <c r="C63" s="153"/>
      <c r="D63" s="153"/>
      <c r="E63" s="162"/>
      <c r="F63" s="153"/>
      <c r="G63" s="153"/>
      <c r="H63" s="154"/>
      <c r="I63" s="153"/>
      <c r="J63" s="153"/>
      <c r="K63" s="153"/>
      <c r="L63" s="153"/>
      <c r="M63" s="349" t="s">
        <v>768</v>
      </c>
      <c r="N63" s="91"/>
      <c r="O63" s="91"/>
      <c r="P63" s="91"/>
      <c r="Q63" s="91"/>
      <c r="R63" s="91"/>
      <c r="S63" s="91"/>
      <c r="T63" s="91"/>
      <c r="U63" s="91"/>
      <c r="V63" s="91"/>
      <c r="W63" s="91"/>
      <c r="X63" s="91"/>
      <c r="Y63" s="91"/>
      <c r="Z63" s="91"/>
      <c r="AA63" s="91"/>
      <c r="AB63" s="91"/>
      <c r="AC63" s="91"/>
      <c r="AD63" s="91"/>
      <c r="AE63" s="91"/>
      <c r="AF63" s="91"/>
      <c r="AG63" s="104"/>
      <c r="AH63" s="91"/>
      <c r="AI63" s="92"/>
      <c r="AJ63" s="91"/>
      <c r="AK63" s="91"/>
      <c r="AL63" s="91"/>
      <c r="AM63" s="149"/>
      <c r="AN63" s="91"/>
      <c r="AO63" s="104"/>
    </row>
    <row r="64" spans="1:41" ht="15.95" customHeight="1" x14ac:dyDescent="0.15">
      <c r="A64" s="149"/>
      <c r="B64" s="91"/>
      <c r="C64" s="91"/>
      <c r="D64" s="91"/>
      <c r="E64" s="149"/>
      <c r="F64" s="91"/>
      <c r="G64" s="91"/>
      <c r="H64" s="104"/>
      <c r="I64" s="91"/>
      <c r="J64" s="91"/>
      <c r="K64" s="91"/>
      <c r="L64" s="91"/>
      <c r="M64" s="349" t="s">
        <v>769</v>
      </c>
      <c r="N64" s="151"/>
      <c r="O64" s="91"/>
      <c r="P64" s="91"/>
      <c r="Q64" s="91"/>
      <c r="R64" s="91"/>
      <c r="S64" s="91"/>
      <c r="T64" s="91"/>
      <c r="U64" s="91"/>
      <c r="V64" s="91"/>
      <c r="W64" s="91"/>
      <c r="X64" s="91"/>
      <c r="Y64" s="91"/>
      <c r="Z64" s="91"/>
      <c r="AA64" s="91"/>
      <c r="AB64" s="91"/>
      <c r="AC64" s="91"/>
      <c r="AD64" s="91"/>
      <c r="AE64" s="91"/>
      <c r="AF64" s="91"/>
      <c r="AG64" s="104"/>
      <c r="AH64" s="91"/>
      <c r="AI64" s="92"/>
      <c r="AJ64" s="91"/>
      <c r="AK64" s="91"/>
      <c r="AL64" s="91"/>
      <c r="AM64" s="149"/>
      <c r="AN64" s="91"/>
      <c r="AO64" s="104"/>
    </row>
    <row r="65" spans="1:41" ht="15.95" customHeight="1" x14ac:dyDescent="0.15">
      <c r="A65" s="149"/>
      <c r="B65" s="91"/>
      <c r="C65" s="91"/>
      <c r="D65" s="91"/>
      <c r="E65" s="149"/>
      <c r="F65" s="91"/>
      <c r="G65" s="91"/>
      <c r="H65" s="104"/>
      <c r="I65" s="91"/>
      <c r="J65" s="91"/>
      <c r="K65" s="91"/>
      <c r="L65" s="91"/>
      <c r="M65" s="146"/>
      <c r="N65" s="151" t="s">
        <v>7</v>
      </c>
      <c r="O65" s="92" t="s">
        <v>462</v>
      </c>
      <c r="P65" s="91"/>
      <c r="Q65" s="91"/>
      <c r="R65" s="91"/>
      <c r="S65" s="91"/>
      <c r="T65" s="91"/>
      <c r="U65" s="91"/>
      <c r="V65" s="91"/>
      <c r="W65" s="91"/>
      <c r="X65" s="91"/>
      <c r="Y65" s="91"/>
      <c r="Z65" s="91"/>
      <c r="AA65" s="91"/>
      <c r="AB65" s="91"/>
      <c r="AC65" s="91"/>
      <c r="AD65" s="91"/>
      <c r="AE65" s="91"/>
      <c r="AF65" s="91"/>
      <c r="AG65" s="104"/>
      <c r="AH65" s="91"/>
      <c r="AI65" s="92"/>
      <c r="AJ65" s="91"/>
      <c r="AK65" s="91"/>
      <c r="AL65" s="91"/>
      <c r="AM65" s="149"/>
      <c r="AN65" s="91"/>
      <c r="AO65" s="104"/>
    </row>
    <row r="66" spans="1:41" ht="15.95" customHeight="1" x14ac:dyDescent="0.15">
      <c r="A66" s="149"/>
      <c r="B66" s="91"/>
      <c r="C66" s="91"/>
      <c r="D66" s="91"/>
      <c r="E66" s="149"/>
      <c r="F66" s="91"/>
      <c r="G66" s="91"/>
      <c r="H66" s="104"/>
      <c r="I66" s="91"/>
      <c r="J66" s="91"/>
      <c r="K66" s="91"/>
      <c r="L66" s="91"/>
      <c r="M66" s="149"/>
      <c r="N66" s="151" t="s">
        <v>7</v>
      </c>
      <c r="O66" s="92" t="s">
        <v>463</v>
      </c>
      <c r="P66" s="91"/>
      <c r="Q66" s="91" t="s">
        <v>25</v>
      </c>
      <c r="R66" s="479"/>
      <c r="S66" s="479"/>
      <c r="T66" s="479"/>
      <c r="U66" s="479"/>
      <c r="V66" s="479"/>
      <c r="W66" s="479"/>
      <c r="X66" s="479"/>
      <c r="Y66" s="479"/>
      <c r="Z66" s="479"/>
      <c r="AA66" s="479"/>
      <c r="AB66" s="91" t="s">
        <v>26</v>
      </c>
      <c r="AC66" s="91"/>
      <c r="AD66" s="91"/>
      <c r="AE66" s="91"/>
      <c r="AF66" s="91"/>
      <c r="AG66" s="104"/>
      <c r="AH66" s="91"/>
      <c r="AI66" s="91"/>
      <c r="AJ66" s="91"/>
      <c r="AK66" s="91"/>
      <c r="AL66" s="91"/>
      <c r="AM66" s="149"/>
      <c r="AN66" s="91"/>
      <c r="AO66" s="104"/>
    </row>
    <row r="67" spans="1:41" ht="15.95" customHeight="1" x14ac:dyDescent="0.15">
      <c r="A67" s="219"/>
      <c r="B67" s="116"/>
      <c r="C67" s="116"/>
      <c r="D67" s="116"/>
      <c r="E67" s="219"/>
      <c r="F67" s="116"/>
      <c r="G67" s="116"/>
      <c r="H67" s="106"/>
      <c r="I67" s="116"/>
      <c r="J67" s="116"/>
      <c r="K67" s="116"/>
      <c r="L67" s="116"/>
      <c r="M67" s="219"/>
      <c r="N67" s="116"/>
      <c r="O67" s="126" t="s">
        <v>7</v>
      </c>
      <c r="P67" s="350" t="s">
        <v>770</v>
      </c>
      <c r="Q67" s="116"/>
      <c r="R67" s="116"/>
      <c r="S67" s="116"/>
      <c r="T67" s="116"/>
      <c r="U67" s="116"/>
      <c r="V67" s="116"/>
      <c r="W67" s="116"/>
      <c r="X67" s="116"/>
      <c r="Y67" s="116"/>
      <c r="Z67" s="116"/>
      <c r="AA67" s="116"/>
      <c r="AB67" s="116"/>
      <c r="AC67" s="116"/>
      <c r="AD67" s="116"/>
      <c r="AE67" s="116"/>
      <c r="AF67" s="116"/>
      <c r="AG67" s="106"/>
      <c r="AH67" s="116"/>
      <c r="AI67" s="116"/>
      <c r="AJ67" s="116"/>
      <c r="AK67" s="116"/>
      <c r="AL67" s="116"/>
      <c r="AM67" s="219"/>
      <c r="AN67" s="116"/>
      <c r="AO67" s="106"/>
    </row>
    <row r="68" spans="1:41" ht="15.95" customHeight="1" x14ac:dyDescent="0.15">
      <c r="A68" s="328" t="s">
        <v>743</v>
      </c>
    </row>
    <row r="69" spans="1:41" ht="15.95" customHeight="1" x14ac:dyDescent="0.15"/>
    <row r="70" spans="1:41" ht="15.95" customHeight="1" x14ac:dyDescent="0.15"/>
    <row r="71" spans="1:41" ht="15.95" customHeight="1" x14ac:dyDescent="0.15"/>
    <row r="72" spans="1:41" ht="15.95" customHeight="1" x14ac:dyDescent="0.15"/>
    <row r="73" spans="1:41" ht="15.95" customHeight="1" x14ac:dyDescent="0.15"/>
    <row r="74" spans="1:41" ht="15.95" customHeight="1" x14ac:dyDescent="0.15"/>
    <row r="75" spans="1:41" ht="15.95" customHeight="1" x14ac:dyDescent="0.15"/>
    <row r="76" spans="1:41" ht="15.95" customHeight="1" x14ac:dyDescent="0.15"/>
    <row r="77" spans="1:41" ht="15.95" customHeight="1" x14ac:dyDescent="0.15"/>
    <row r="78" spans="1:41" ht="15.95" customHeight="1" x14ac:dyDescent="0.15"/>
    <row r="79" spans="1:41" ht="15.95" customHeight="1" x14ac:dyDescent="0.15"/>
    <row r="80" spans="1:41" ht="15.95" customHeight="1" x14ac:dyDescent="0.15"/>
    <row r="81" ht="15.95" customHeight="1" x14ac:dyDescent="0.15"/>
    <row r="82" ht="15.95" customHeight="1" x14ac:dyDescent="0.15"/>
    <row r="83" ht="15.95" customHeight="1" x14ac:dyDescent="0.15"/>
    <row r="84" ht="15.95" customHeight="1" x14ac:dyDescent="0.15"/>
    <row r="85" ht="15.95" customHeight="1" x14ac:dyDescent="0.15"/>
    <row r="86" ht="15.95" customHeight="1" x14ac:dyDescent="0.15"/>
    <row r="87" ht="15.95" customHeight="1" x14ac:dyDescent="0.15"/>
    <row r="88" ht="15.95" customHeight="1" x14ac:dyDescent="0.15"/>
    <row r="89" ht="15.95" customHeight="1" x14ac:dyDescent="0.15"/>
    <row r="90" ht="15.95" customHeight="1" x14ac:dyDescent="0.15"/>
    <row r="91" ht="15.95" customHeight="1" x14ac:dyDescent="0.15"/>
    <row r="92" ht="15.95" customHeight="1" x14ac:dyDescent="0.15"/>
    <row r="93" ht="15.95" customHeight="1" x14ac:dyDescent="0.15"/>
    <row r="94" ht="15.95" customHeight="1" x14ac:dyDescent="0.15"/>
    <row r="95" ht="15.95" customHeight="1" x14ac:dyDescent="0.15"/>
    <row r="96" ht="15.95" customHeight="1" x14ac:dyDescent="0.15"/>
    <row r="97" ht="15.95" customHeight="1" x14ac:dyDescent="0.15"/>
    <row r="98" ht="15.95" customHeight="1" x14ac:dyDescent="0.15"/>
    <row r="99" ht="15.95" customHeight="1" x14ac:dyDescent="0.15"/>
    <row r="100" ht="15.95" customHeight="1" x14ac:dyDescent="0.15"/>
    <row r="101" ht="15.95" customHeight="1" x14ac:dyDescent="0.15"/>
    <row r="102" ht="15.95" customHeight="1" x14ac:dyDescent="0.15"/>
    <row r="103" ht="15.95" customHeight="1" x14ac:dyDescent="0.15"/>
    <row r="104" ht="15.95" customHeight="1" x14ac:dyDescent="0.15"/>
    <row r="105" ht="15.95" customHeight="1" x14ac:dyDescent="0.15"/>
    <row r="106" ht="15.95" customHeight="1" x14ac:dyDescent="0.15"/>
    <row r="107" ht="15.95" customHeight="1" x14ac:dyDescent="0.15"/>
    <row r="108" ht="15.95" customHeight="1" x14ac:dyDescent="0.15"/>
    <row r="109" ht="15.95" customHeight="1" x14ac:dyDescent="0.15"/>
    <row r="110" ht="15.95" customHeight="1" x14ac:dyDescent="0.15"/>
    <row r="111" ht="15.95" customHeight="1" x14ac:dyDescent="0.15"/>
    <row r="112" ht="15.95" customHeight="1" x14ac:dyDescent="0.15"/>
    <row r="113" ht="15.95" customHeight="1" x14ac:dyDescent="0.15"/>
    <row r="114" ht="15.95" customHeight="1" x14ac:dyDescent="0.15"/>
    <row r="115" ht="15.95" customHeight="1" x14ac:dyDescent="0.15"/>
    <row r="116" ht="15.95" customHeight="1" x14ac:dyDescent="0.15"/>
    <row r="117" ht="15.95" customHeight="1" x14ac:dyDescent="0.15"/>
    <row r="118" ht="15.95" customHeight="1" x14ac:dyDescent="0.15"/>
    <row r="119" ht="15.95" customHeight="1" x14ac:dyDescent="0.15"/>
    <row r="120" ht="15.95" customHeight="1" x14ac:dyDescent="0.15"/>
    <row r="121" ht="15.95" customHeight="1" x14ac:dyDescent="0.15"/>
    <row r="122" ht="15.95" customHeight="1" x14ac:dyDescent="0.15"/>
    <row r="123" ht="15.95" customHeight="1" x14ac:dyDescent="0.15"/>
    <row r="124" ht="15.95" customHeight="1" x14ac:dyDescent="0.15"/>
    <row r="125" ht="15.95" customHeight="1" x14ac:dyDescent="0.15"/>
    <row r="126" ht="15.95" customHeight="1" x14ac:dyDescent="0.15"/>
    <row r="127" ht="15.95" customHeight="1" x14ac:dyDescent="0.15"/>
    <row r="128" ht="15.95" customHeight="1" x14ac:dyDescent="0.15"/>
    <row r="129" ht="15.95" customHeight="1" x14ac:dyDescent="0.15"/>
    <row r="130" ht="15.95" customHeight="1" x14ac:dyDescent="0.15"/>
    <row r="131" ht="15.95" customHeight="1" x14ac:dyDescent="0.15"/>
    <row r="132" ht="15.95" customHeight="1" x14ac:dyDescent="0.15"/>
    <row r="133" ht="15.95" customHeight="1" x14ac:dyDescent="0.15"/>
    <row r="134" ht="15.95" customHeight="1" x14ac:dyDescent="0.15"/>
    <row r="135" ht="15.95" customHeight="1" x14ac:dyDescent="0.15"/>
    <row r="136" ht="15.95" customHeight="1" x14ac:dyDescent="0.15"/>
    <row r="137" ht="15.95" customHeight="1" x14ac:dyDescent="0.15"/>
    <row r="138" ht="15.95" customHeight="1" x14ac:dyDescent="0.15"/>
    <row r="139" ht="15.95" customHeight="1" x14ac:dyDescent="0.15"/>
    <row r="140" ht="15.95" customHeight="1" x14ac:dyDescent="0.15"/>
    <row r="141" ht="15.95" customHeight="1" x14ac:dyDescent="0.15"/>
    <row r="142" ht="15.95" customHeight="1" x14ac:dyDescent="0.15"/>
    <row r="143" ht="15.95" customHeight="1" x14ac:dyDescent="0.15"/>
    <row r="144"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sheetData>
  <mergeCells count="76">
    <mergeCell ref="R66:AA66"/>
    <mergeCell ref="A58:D58"/>
    <mergeCell ref="E58:H58"/>
    <mergeCell ref="I58:L58"/>
    <mergeCell ref="A59:D59"/>
    <mergeCell ref="E59:H59"/>
    <mergeCell ref="I59:L59"/>
    <mergeCell ref="A50:D50"/>
    <mergeCell ref="E50:H50"/>
    <mergeCell ref="I50:L50"/>
    <mergeCell ref="A51:D51"/>
    <mergeCell ref="E51:H51"/>
    <mergeCell ref="I51:L51"/>
    <mergeCell ref="A46:D46"/>
    <mergeCell ref="I46:L46"/>
    <mergeCell ref="AI46:AL46"/>
    <mergeCell ref="A48:D48"/>
    <mergeCell ref="E48:H48"/>
    <mergeCell ref="I48:L48"/>
    <mergeCell ref="T44:W44"/>
    <mergeCell ref="A45:D45"/>
    <mergeCell ref="E45:H45"/>
    <mergeCell ref="I45:L45"/>
    <mergeCell ref="T45:U45"/>
    <mergeCell ref="A41:D41"/>
    <mergeCell ref="E41:H41"/>
    <mergeCell ref="I41:L41"/>
    <mergeCell ref="O43:P43"/>
    <mergeCell ref="T43:W43"/>
    <mergeCell ref="T41:W41"/>
    <mergeCell ref="I26:L26"/>
    <mergeCell ref="A10:D10"/>
    <mergeCell ref="U40:AE40"/>
    <mergeCell ref="I19:L19"/>
    <mergeCell ref="I24:L24"/>
    <mergeCell ref="I27:L27"/>
    <mergeCell ref="U39:W39"/>
    <mergeCell ref="AC39:AE39"/>
    <mergeCell ref="A33:D33"/>
    <mergeCell ref="E33:H33"/>
    <mergeCell ref="I33:L33"/>
    <mergeCell ref="B34:C34"/>
    <mergeCell ref="E34:H34"/>
    <mergeCell ref="I34:L34"/>
    <mergeCell ref="R34:X34"/>
    <mergeCell ref="R35:X35"/>
    <mergeCell ref="U37:W37"/>
    <mergeCell ref="AC37:AE37"/>
    <mergeCell ref="U38:AE38"/>
    <mergeCell ref="AH3:AL4"/>
    <mergeCell ref="AM3:AO3"/>
    <mergeCell ref="E4:H4"/>
    <mergeCell ref="I4:L4"/>
    <mergeCell ref="M4:AG4"/>
    <mergeCell ref="AM4:AO4"/>
    <mergeCell ref="B11:C11"/>
    <mergeCell ref="A3:D4"/>
    <mergeCell ref="E3:H3"/>
    <mergeCell ref="I3:AG3"/>
    <mergeCell ref="A5:D5"/>
    <mergeCell ref="E5:H5"/>
    <mergeCell ref="I5:L5"/>
    <mergeCell ref="A6:D6"/>
    <mergeCell ref="A7:D7"/>
    <mergeCell ref="E7:H7"/>
    <mergeCell ref="I7:L7"/>
    <mergeCell ref="A8:D8"/>
    <mergeCell ref="I25:L25"/>
    <mergeCell ref="I18:L18"/>
    <mergeCell ref="I22:L22"/>
    <mergeCell ref="I23:L23"/>
    <mergeCell ref="E8:H8"/>
    <mergeCell ref="I8:L8"/>
    <mergeCell ref="E9:H9"/>
    <mergeCell ref="I13:L13"/>
    <mergeCell ref="I14:L14"/>
  </mergeCells>
  <phoneticPr fontId="20"/>
  <dataValidations count="2">
    <dataValidation type="list" allowBlank="1" showInputMessage="1" showErrorMessage="1" sqref="B34:C34 B11:C32">
      <formula1>"１,２,３,４,５,６,７,８"</formula1>
    </dataValidation>
    <dataValidation type="list" allowBlank="1" showInputMessage="1" showErrorMessage="1" sqref="AH45:AH48 N46 O67 O54 N52:N54 AH50 N57 M33 N34:N35 Y37 Y39 N39 R37 R39 AL33:AL34 AL37 M5:M6 AH41:AH42 N37 M36 AH58 N59:N62 N65:N66 M48 M22:M23 M25:M26 M29:M31 Q29 U29 Y29 N32 V32 AH5:AH33">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sheetPr>
  <dimension ref="A1:AP313"/>
  <sheetViews>
    <sheetView showGridLines="0" view="pageBreakPreview" zoomScale="85" zoomScaleNormal="85" zoomScaleSheetLayoutView="85" workbookViewId="0"/>
  </sheetViews>
  <sheetFormatPr defaultRowHeight="12" x14ac:dyDescent="0.15"/>
  <cols>
    <col min="1" max="65" width="2.625" style="91" customWidth="1"/>
    <col min="66" max="16384" width="9" style="91"/>
  </cols>
  <sheetData>
    <row r="1" spans="1:42" ht="30" customHeight="1" x14ac:dyDescent="0.15">
      <c r="A1" s="87" t="s">
        <v>52</v>
      </c>
      <c r="B1" s="88"/>
      <c r="C1" s="88"/>
      <c r="D1" s="88"/>
      <c r="E1" s="88"/>
      <c r="F1" s="89"/>
      <c r="G1" s="89"/>
      <c r="H1" s="89"/>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8"/>
      <c r="AL1" s="88"/>
      <c r="AM1" s="88"/>
      <c r="AP1" s="90" t="s">
        <v>53</v>
      </c>
    </row>
    <row r="2" spans="1:42" ht="10.5" customHeight="1" x14ac:dyDescent="0.15">
      <c r="A2" s="131"/>
      <c r="B2" s="131"/>
      <c r="C2" s="131"/>
      <c r="D2" s="131"/>
      <c r="E2" s="131"/>
      <c r="F2" s="131"/>
      <c r="G2" s="131"/>
      <c r="H2" s="131"/>
      <c r="I2" s="124"/>
      <c r="J2" s="101"/>
      <c r="K2" s="92"/>
      <c r="L2" s="92"/>
      <c r="N2" s="92"/>
      <c r="O2" s="92"/>
      <c r="P2" s="92"/>
      <c r="U2" s="132"/>
      <c r="V2" s="132"/>
      <c r="W2" s="132"/>
      <c r="X2" s="132"/>
      <c r="Y2" s="132"/>
      <c r="Z2" s="132"/>
      <c r="AA2" s="132"/>
      <c r="AB2" s="132"/>
      <c r="AC2" s="132"/>
      <c r="AD2" s="132"/>
      <c r="AE2" s="132"/>
      <c r="AF2" s="132"/>
      <c r="AG2" s="132"/>
      <c r="AH2" s="101"/>
      <c r="AI2" s="92"/>
      <c r="AJ2" s="92"/>
      <c r="AK2" s="92"/>
      <c r="AL2" s="92"/>
    </row>
    <row r="3" spans="1:42" ht="15.75" customHeight="1" x14ac:dyDescent="0.15">
      <c r="A3" s="452" t="s">
        <v>55</v>
      </c>
      <c r="B3" s="453"/>
      <c r="C3" s="453"/>
      <c r="D3" s="454"/>
      <c r="E3" s="437" t="s">
        <v>56</v>
      </c>
      <c r="F3" s="438"/>
      <c r="G3" s="438"/>
      <c r="H3" s="439"/>
      <c r="I3" s="458" t="s">
        <v>57</v>
      </c>
      <c r="J3" s="459"/>
      <c r="K3" s="459"/>
      <c r="L3" s="459"/>
      <c r="M3" s="459"/>
      <c r="N3" s="459"/>
      <c r="O3" s="459"/>
      <c r="P3" s="459"/>
      <c r="Q3" s="459"/>
      <c r="R3" s="459"/>
      <c r="S3" s="459"/>
      <c r="T3" s="459"/>
      <c r="U3" s="459"/>
      <c r="V3" s="459"/>
      <c r="W3" s="459"/>
      <c r="X3" s="459"/>
      <c r="Y3" s="459"/>
      <c r="Z3" s="459"/>
      <c r="AA3" s="459"/>
      <c r="AB3" s="459"/>
      <c r="AC3" s="459"/>
      <c r="AD3" s="459"/>
      <c r="AE3" s="133"/>
      <c r="AF3" s="133"/>
      <c r="AG3" s="133" t="s">
        <v>58</v>
      </c>
      <c r="AH3" s="460" t="s">
        <v>59</v>
      </c>
      <c r="AI3" s="460"/>
      <c r="AJ3" s="460"/>
      <c r="AK3" s="460"/>
      <c r="AL3" s="460"/>
      <c r="AM3" s="460"/>
      <c r="AN3" s="441" t="s">
        <v>839</v>
      </c>
      <c r="AO3" s="453"/>
      <c r="AP3" s="454"/>
    </row>
    <row r="4" spans="1:42" ht="15.75" customHeight="1" x14ac:dyDescent="0.15">
      <c r="A4" s="455"/>
      <c r="B4" s="456"/>
      <c r="C4" s="456"/>
      <c r="D4" s="457"/>
      <c r="E4" s="461" t="s">
        <v>61</v>
      </c>
      <c r="F4" s="462"/>
      <c r="G4" s="462"/>
      <c r="H4" s="463"/>
      <c r="I4" s="464" t="s">
        <v>61</v>
      </c>
      <c r="J4" s="465"/>
      <c r="K4" s="465"/>
      <c r="L4" s="466"/>
      <c r="M4" s="458" t="s">
        <v>60</v>
      </c>
      <c r="N4" s="459"/>
      <c r="O4" s="459"/>
      <c r="P4" s="459"/>
      <c r="Q4" s="459"/>
      <c r="R4" s="459"/>
      <c r="S4" s="459"/>
      <c r="T4" s="459"/>
      <c r="U4" s="459"/>
      <c r="V4" s="459"/>
      <c r="W4" s="459"/>
      <c r="X4" s="459"/>
      <c r="Y4" s="459"/>
      <c r="Z4" s="459"/>
      <c r="AA4" s="459"/>
      <c r="AB4" s="459"/>
      <c r="AC4" s="459"/>
      <c r="AD4" s="459"/>
      <c r="AE4" s="459"/>
      <c r="AF4" s="459"/>
      <c r="AG4" s="459"/>
      <c r="AH4" s="433"/>
      <c r="AI4" s="433"/>
      <c r="AJ4" s="433"/>
      <c r="AK4" s="433"/>
      <c r="AL4" s="433"/>
      <c r="AM4" s="433"/>
      <c r="AN4" s="456"/>
      <c r="AO4" s="456"/>
      <c r="AP4" s="457"/>
    </row>
    <row r="5" spans="1:42" ht="15.75" customHeight="1" x14ac:dyDescent="0.15">
      <c r="A5" s="583" t="s">
        <v>63</v>
      </c>
      <c r="B5" s="584"/>
      <c r="C5" s="584"/>
      <c r="D5" s="585"/>
      <c r="E5" s="437" t="s">
        <v>64</v>
      </c>
      <c r="F5" s="438"/>
      <c r="G5" s="438"/>
      <c r="H5" s="439"/>
      <c r="I5" s="440" t="s">
        <v>65</v>
      </c>
      <c r="J5" s="441"/>
      <c r="K5" s="441"/>
      <c r="L5" s="442"/>
      <c r="M5" s="134" t="s">
        <v>66</v>
      </c>
      <c r="N5" s="112" t="s">
        <v>67</v>
      </c>
      <c r="O5" s="112"/>
      <c r="P5" s="119"/>
      <c r="Q5" s="119"/>
      <c r="R5" s="135"/>
      <c r="S5" s="135" t="s">
        <v>25</v>
      </c>
      <c r="T5" s="136" t="s">
        <v>7</v>
      </c>
      <c r="U5" s="112" t="s">
        <v>68</v>
      </c>
      <c r="V5" s="113"/>
      <c r="W5" s="113"/>
      <c r="X5" s="113"/>
      <c r="Y5" s="136" t="s">
        <v>7</v>
      </c>
      <c r="Z5" s="112" t="s">
        <v>0</v>
      </c>
      <c r="AA5" s="113"/>
      <c r="AB5" s="113" t="s">
        <v>26</v>
      </c>
      <c r="AC5" s="113"/>
      <c r="AD5" s="113"/>
      <c r="AE5" s="113"/>
      <c r="AF5" s="113"/>
      <c r="AG5" s="137"/>
      <c r="AH5" s="138" t="s">
        <v>7</v>
      </c>
      <c r="AI5" s="98" t="s">
        <v>69</v>
      </c>
      <c r="AJ5" s="98"/>
      <c r="AK5" s="98"/>
      <c r="AL5" s="98"/>
      <c r="AM5" s="139"/>
      <c r="AN5" s="98"/>
      <c r="AO5" s="98"/>
      <c r="AP5" s="142"/>
    </row>
    <row r="6" spans="1:42" ht="15.75" customHeight="1" x14ac:dyDescent="0.15">
      <c r="A6" s="586" t="s">
        <v>70</v>
      </c>
      <c r="B6" s="587"/>
      <c r="C6" s="587"/>
      <c r="D6" s="588"/>
      <c r="E6" s="449" t="s">
        <v>71</v>
      </c>
      <c r="F6" s="450"/>
      <c r="G6" s="450"/>
      <c r="H6" s="451"/>
      <c r="I6" s="443"/>
      <c r="J6" s="444"/>
      <c r="K6" s="444"/>
      <c r="L6" s="445"/>
      <c r="M6" s="143"/>
      <c r="N6" s="102" t="s">
        <v>66</v>
      </c>
      <c r="O6" s="92" t="s">
        <v>72</v>
      </c>
      <c r="P6" s="144" t="s">
        <v>7</v>
      </c>
      <c r="Q6" s="92" t="s">
        <v>73</v>
      </c>
      <c r="R6" s="92"/>
      <c r="S6" s="92" t="s">
        <v>74</v>
      </c>
      <c r="T6" s="92"/>
      <c r="U6" s="431"/>
      <c r="V6" s="431"/>
      <c r="W6" s="431"/>
      <c r="X6" s="431"/>
      <c r="Y6" s="431"/>
      <c r="Z6" s="431"/>
      <c r="AA6" s="431"/>
      <c r="AB6" s="430"/>
      <c r="AC6" s="430"/>
      <c r="AD6" s="92" t="s">
        <v>26</v>
      </c>
      <c r="AE6" s="92"/>
      <c r="AF6" s="92"/>
      <c r="AG6" s="145"/>
      <c r="AH6" s="146" t="s">
        <v>7</v>
      </c>
      <c r="AI6" s="92" t="s">
        <v>75</v>
      </c>
      <c r="AJ6" s="92"/>
      <c r="AK6" s="92"/>
      <c r="AL6" s="92"/>
      <c r="AM6" s="147"/>
      <c r="AN6" s="92"/>
      <c r="AO6" s="92"/>
      <c r="AP6" s="145"/>
    </row>
    <row r="7" spans="1:42" ht="15.75" customHeight="1" x14ac:dyDescent="0.15">
      <c r="A7" s="148"/>
      <c r="B7" s="92"/>
      <c r="C7" s="92"/>
      <c r="D7" s="145"/>
      <c r="I7" s="149"/>
      <c r="L7" s="104"/>
      <c r="M7" s="150"/>
      <c r="N7" s="102"/>
      <c r="O7" s="92"/>
      <c r="P7" s="92"/>
      <c r="Q7" s="151" t="s">
        <v>54</v>
      </c>
      <c r="R7" s="103" t="s">
        <v>76</v>
      </c>
      <c r="S7" s="92"/>
      <c r="T7" s="103"/>
      <c r="U7" s="102"/>
      <c r="V7" s="92"/>
      <c r="W7" s="431"/>
      <c r="X7" s="431"/>
      <c r="Y7" s="431"/>
      <c r="Z7" s="431"/>
      <c r="AA7" s="431"/>
      <c r="AB7" s="431"/>
      <c r="AC7" s="431"/>
      <c r="AD7" s="103" t="s">
        <v>77</v>
      </c>
      <c r="AE7" s="103"/>
      <c r="AF7" s="103"/>
      <c r="AG7" s="152"/>
      <c r="AH7" s="146" t="s">
        <v>54</v>
      </c>
      <c r="AI7" s="92"/>
      <c r="AJ7" s="92"/>
      <c r="AK7" s="92"/>
      <c r="AL7" s="92"/>
      <c r="AM7" s="145"/>
      <c r="AN7" s="92"/>
      <c r="AO7" s="92"/>
      <c r="AP7" s="145"/>
    </row>
    <row r="8" spans="1:42" ht="15.75" customHeight="1" x14ac:dyDescent="0.15">
      <c r="A8" s="146" t="s">
        <v>7</v>
      </c>
      <c r="B8" s="538" t="s">
        <v>668</v>
      </c>
      <c r="C8" s="538"/>
      <c r="D8" s="539"/>
      <c r="E8" s="92"/>
      <c r="F8" s="92"/>
      <c r="G8" s="92"/>
      <c r="H8" s="145"/>
      <c r="I8" s="148"/>
      <c r="J8" s="92"/>
      <c r="K8" s="92"/>
      <c r="L8" s="92"/>
      <c r="M8" s="150"/>
      <c r="N8" s="102"/>
      <c r="O8" s="92" t="s">
        <v>78</v>
      </c>
      <c r="P8" s="92"/>
      <c r="Q8" s="582"/>
      <c r="R8" s="582"/>
      <c r="S8" s="582"/>
      <c r="T8" s="582"/>
      <c r="U8" s="582"/>
      <c r="V8" s="582"/>
      <c r="W8" s="582"/>
      <c r="X8" s="582"/>
      <c r="Y8" s="582"/>
      <c r="Z8" s="582"/>
      <c r="AA8" s="582"/>
      <c r="AB8" s="582"/>
      <c r="AC8" s="582"/>
      <c r="AD8" s="103" t="s">
        <v>79</v>
      </c>
      <c r="AE8" s="103"/>
      <c r="AF8" s="103"/>
      <c r="AG8" s="152"/>
      <c r="AH8" s="148"/>
      <c r="AI8" s="92"/>
      <c r="AJ8" s="92"/>
      <c r="AK8" s="92"/>
      <c r="AL8" s="92"/>
      <c r="AM8" s="147"/>
      <c r="AN8" s="92"/>
      <c r="AO8" s="92"/>
      <c r="AP8" s="145"/>
    </row>
    <row r="9" spans="1:42" ht="15.75" customHeight="1" x14ac:dyDescent="0.15">
      <c r="A9" s="149"/>
      <c r="B9" s="538"/>
      <c r="C9" s="538"/>
      <c r="D9" s="539"/>
      <c r="E9" s="153"/>
      <c r="F9" s="153"/>
      <c r="G9" s="153"/>
      <c r="H9" s="154"/>
      <c r="I9" s="148"/>
      <c r="J9" s="153"/>
      <c r="K9" s="153"/>
      <c r="L9" s="154"/>
      <c r="M9" s="150"/>
      <c r="N9" s="102"/>
      <c r="O9" s="92" t="s">
        <v>80</v>
      </c>
      <c r="P9" s="92"/>
      <c r="Q9" s="92"/>
      <c r="R9" s="151" t="s">
        <v>7</v>
      </c>
      <c r="S9" s="92" t="s">
        <v>2</v>
      </c>
      <c r="T9" s="103" t="s">
        <v>81</v>
      </c>
      <c r="U9" s="102"/>
      <c r="V9" s="431"/>
      <c r="W9" s="431"/>
      <c r="X9" s="431"/>
      <c r="Y9" s="431"/>
      <c r="Z9" s="431"/>
      <c r="AA9" s="92" t="s">
        <v>26</v>
      </c>
      <c r="AB9" s="102"/>
      <c r="AC9" s="151" t="s">
        <v>7</v>
      </c>
      <c r="AD9" s="102" t="s">
        <v>1</v>
      </c>
      <c r="AE9" s="102"/>
      <c r="AF9" s="102"/>
      <c r="AG9" s="152"/>
      <c r="AH9" s="155"/>
      <c r="AI9" s="156"/>
      <c r="AJ9" s="92"/>
      <c r="AK9" s="92"/>
      <c r="AL9" s="92"/>
      <c r="AM9" s="157"/>
      <c r="AN9" s="92"/>
      <c r="AO9" s="92"/>
      <c r="AP9" s="145"/>
    </row>
    <row r="10" spans="1:42" ht="15.75" customHeight="1" x14ac:dyDescent="0.15">
      <c r="A10" s="149"/>
      <c r="B10" s="538"/>
      <c r="C10" s="538"/>
      <c r="D10" s="539"/>
      <c r="E10" s="153"/>
      <c r="F10" s="153"/>
      <c r="G10" s="153"/>
      <c r="H10" s="154"/>
      <c r="I10" s="148"/>
      <c r="J10" s="153"/>
      <c r="K10" s="153"/>
      <c r="L10" s="154"/>
      <c r="M10" s="150"/>
      <c r="N10" s="158"/>
      <c r="O10" s="129"/>
      <c r="P10" s="129"/>
      <c r="Q10" s="129"/>
      <c r="R10" s="159" t="s">
        <v>7</v>
      </c>
      <c r="S10" s="129" t="s">
        <v>82</v>
      </c>
      <c r="T10" s="129"/>
      <c r="U10" s="160"/>
      <c r="V10" s="160"/>
      <c r="W10" s="160"/>
      <c r="X10" s="160"/>
      <c r="Y10" s="160"/>
      <c r="Z10" s="160"/>
      <c r="AA10" s="129"/>
      <c r="AB10" s="160"/>
      <c r="AC10" s="159"/>
      <c r="AD10" s="160"/>
      <c r="AE10" s="160"/>
      <c r="AF10" s="160"/>
      <c r="AG10" s="161"/>
      <c r="AH10" s="155"/>
      <c r="AI10" s="156"/>
      <c r="AJ10" s="92"/>
      <c r="AK10" s="92"/>
      <c r="AL10" s="92"/>
      <c r="AM10" s="157"/>
      <c r="AN10" s="92"/>
      <c r="AO10" s="92"/>
      <c r="AP10" s="145"/>
    </row>
    <row r="11" spans="1:42" ht="15.75" customHeight="1" x14ac:dyDescent="0.15">
      <c r="A11" s="149"/>
      <c r="B11" s="538"/>
      <c r="C11" s="538"/>
      <c r="D11" s="539"/>
      <c r="E11" s="153"/>
      <c r="F11" s="153"/>
      <c r="G11" s="153"/>
      <c r="H11" s="154"/>
      <c r="I11" s="148"/>
      <c r="J11" s="153"/>
      <c r="K11" s="153"/>
      <c r="L11" s="154"/>
      <c r="M11" s="150"/>
      <c r="N11" s="102" t="s">
        <v>66</v>
      </c>
      <c r="O11" s="92" t="s">
        <v>83</v>
      </c>
      <c r="P11" s="92"/>
      <c r="Q11" s="92"/>
      <c r="R11" s="92"/>
      <c r="S11" s="151" t="s">
        <v>7</v>
      </c>
      <c r="T11" s="92" t="s">
        <v>84</v>
      </c>
      <c r="U11" s="92"/>
      <c r="V11" s="92"/>
      <c r="W11" s="431"/>
      <c r="X11" s="431"/>
      <c r="Y11" s="431"/>
      <c r="Z11" s="431"/>
      <c r="AA11" s="431"/>
      <c r="AB11" s="431"/>
      <c r="AC11" s="431"/>
      <c r="AD11" s="92" t="s">
        <v>26</v>
      </c>
      <c r="AE11" s="92"/>
      <c r="AF11" s="92"/>
      <c r="AG11" s="145"/>
      <c r="AH11" s="148"/>
      <c r="AI11" s="92"/>
      <c r="AJ11" s="92"/>
      <c r="AK11" s="92"/>
      <c r="AL11" s="92"/>
      <c r="AM11" s="145"/>
      <c r="AN11" s="92"/>
      <c r="AO11" s="92"/>
      <c r="AP11" s="145"/>
    </row>
    <row r="12" spans="1:42" ht="15.75" customHeight="1" x14ac:dyDescent="0.15">
      <c r="A12" s="149"/>
      <c r="B12" s="538"/>
      <c r="C12" s="538"/>
      <c r="D12" s="539"/>
      <c r="E12" s="153"/>
      <c r="F12" s="153"/>
      <c r="G12" s="153"/>
      <c r="H12" s="154"/>
      <c r="I12" s="148"/>
      <c r="J12" s="153"/>
      <c r="K12" s="153"/>
      <c r="L12" s="154"/>
      <c r="M12" s="150"/>
      <c r="N12" s="102"/>
      <c r="O12" s="92"/>
      <c r="P12" s="92"/>
      <c r="Q12" s="92"/>
      <c r="R12" s="103" t="s">
        <v>76</v>
      </c>
      <c r="S12" s="92"/>
      <c r="T12" s="103"/>
      <c r="U12" s="102"/>
      <c r="V12" s="92"/>
      <c r="W12" s="92"/>
      <c r="X12" s="92"/>
      <c r="Y12" s="92"/>
      <c r="Z12" s="92"/>
      <c r="AA12" s="92"/>
      <c r="AB12" s="92"/>
      <c r="AC12" s="92"/>
      <c r="AD12" s="103" t="s">
        <v>77</v>
      </c>
      <c r="AE12" s="103"/>
      <c r="AF12" s="103"/>
      <c r="AG12" s="152"/>
      <c r="AH12" s="148"/>
      <c r="AI12" s="92"/>
      <c r="AJ12" s="92"/>
      <c r="AK12" s="92"/>
      <c r="AL12" s="92"/>
      <c r="AM12" s="145"/>
      <c r="AN12" s="92"/>
      <c r="AO12" s="92"/>
      <c r="AP12" s="145"/>
    </row>
    <row r="13" spans="1:42" ht="15.75" customHeight="1" x14ac:dyDescent="0.15">
      <c r="A13" s="162"/>
      <c r="B13" s="538"/>
      <c r="C13" s="538"/>
      <c r="D13" s="539"/>
      <c r="E13" s="92"/>
      <c r="F13" s="92"/>
      <c r="G13" s="92"/>
      <c r="H13" s="145"/>
      <c r="I13" s="162"/>
      <c r="J13" s="153"/>
      <c r="K13" s="153"/>
      <c r="L13" s="154"/>
      <c r="M13" s="150"/>
      <c r="N13" s="102"/>
      <c r="O13" s="92" t="s">
        <v>80</v>
      </c>
      <c r="P13" s="92"/>
      <c r="Q13" s="92"/>
      <c r="R13" s="151" t="s">
        <v>54</v>
      </c>
      <c r="S13" s="92" t="s">
        <v>2</v>
      </c>
      <c r="T13" s="103" t="s">
        <v>81</v>
      </c>
      <c r="U13" s="102"/>
      <c r="V13" s="431"/>
      <c r="W13" s="431"/>
      <c r="X13" s="431"/>
      <c r="Y13" s="431"/>
      <c r="Z13" s="431"/>
      <c r="AA13" s="92" t="s">
        <v>26</v>
      </c>
      <c r="AB13" s="102"/>
      <c r="AC13" s="151" t="s">
        <v>54</v>
      </c>
      <c r="AD13" s="102" t="s">
        <v>1</v>
      </c>
      <c r="AE13" s="102"/>
      <c r="AF13" s="102"/>
      <c r="AG13" s="152"/>
      <c r="AH13" s="155"/>
      <c r="AI13" s="92"/>
      <c r="AJ13" s="92"/>
      <c r="AK13" s="92"/>
      <c r="AL13" s="92"/>
      <c r="AM13" s="145"/>
      <c r="AN13" s="92"/>
      <c r="AO13" s="92"/>
      <c r="AP13" s="145"/>
    </row>
    <row r="14" spans="1:42" ht="15.75" customHeight="1" x14ac:dyDescent="0.15">
      <c r="A14" s="162"/>
      <c r="B14" s="538"/>
      <c r="C14" s="538"/>
      <c r="D14" s="539"/>
      <c r="E14" s="92"/>
      <c r="F14" s="92"/>
      <c r="G14" s="92"/>
      <c r="H14" s="145"/>
      <c r="I14" s="162"/>
      <c r="J14" s="153"/>
      <c r="K14" s="153"/>
      <c r="L14" s="154"/>
      <c r="M14" s="150"/>
      <c r="N14" s="158"/>
      <c r="O14" s="129"/>
      <c r="P14" s="129"/>
      <c r="Q14" s="129"/>
      <c r="R14" s="159" t="s">
        <v>7</v>
      </c>
      <c r="S14" s="129" t="s">
        <v>82</v>
      </c>
      <c r="T14" s="129"/>
      <c r="U14" s="160"/>
      <c r="V14" s="160"/>
      <c r="W14" s="160"/>
      <c r="X14" s="160"/>
      <c r="Y14" s="160"/>
      <c r="Z14" s="160"/>
      <c r="AA14" s="129"/>
      <c r="AB14" s="160"/>
      <c r="AC14" s="159"/>
      <c r="AD14" s="160"/>
      <c r="AE14" s="160"/>
      <c r="AF14" s="160"/>
      <c r="AG14" s="161"/>
      <c r="AH14" s="155"/>
      <c r="AI14" s="92"/>
      <c r="AJ14" s="92"/>
      <c r="AK14" s="92"/>
      <c r="AL14" s="92"/>
      <c r="AM14" s="145"/>
      <c r="AN14" s="92"/>
      <c r="AO14" s="92"/>
      <c r="AP14" s="145"/>
    </row>
    <row r="15" spans="1:42" ht="15.75" customHeight="1" x14ac:dyDescent="0.15">
      <c r="A15" s="162"/>
      <c r="B15" s="538"/>
      <c r="C15" s="538"/>
      <c r="D15" s="539"/>
      <c r="E15" s="92"/>
      <c r="F15" s="92"/>
      <c r="G15" s="92"/>
      <c r="H15" s="145"/>
      <c r="I15" s="162"/>
      <c r="J15" s="153"/>
      <c r="K15" s="153"/>
      <c r="L15" s="154"/>
      <c r="M15" s="150"/>
      <c r="N15" s="102" t="s">
        <v>66</v>
      </c>
      <c r="O15" s="92" t="s">
        <v>85</v>
      </c>
      <c r="P15" s="92"/>
      <c r="Q15" s="92"/>
      <c r="R15" s="102"/>
      <c r="S15" s="92"/>
      <c r="T15" s="102"/>
      <c r="U15" s="92" t="s">
        <v>86</v>
      </c>
      <c r="V15" s="92"/>
      <c r="W15" s="92"/>
      <c r="X15" s="92"/>
      <c r="Y15" s="92"/>
      <c r="Z15" s="92"/>
      <c r="AA15" s="92"/>
      <c r="AB15" s="92"/>
      <c r="AC15" s="92"/>
      <c r="AD15" s="103" t="s">
        <v>26</v>
      </c>
      <c r="AE15" s="103"/>
      <c r="AF15" s="103"/>
      <c r="AG15" s="152"/>
      <c r="AH15" s="149"/>
      <c r="AM15" s="145"/>
      <c r="AN15" s="92"/>
      <c r="AO15" s="92"/>
      <c r="AP15" s="145"/>
    </row>
    <row r="16" spans="1:42" ht="15.75" customHeight="1" x14ac:dyDescent="0.15">
      <c r="A16" s="162"/>
      <c r="B16" s="153"/>
      <c r="C16" s="153"/>
      <c r="D16" s="154"/>
      <c r="E16" s="92"/>
      <c r="F16" s="92"/>
      <c r="G16" s="92"/>
      <c r="H16" s="145"/>
      <c r="I16" s="162"/>
      <c r="J16" s="153"/>
      <c r="K16" s="153"/>
      <c r="L16" s="154"/>
      <c r="M16" s="150"/>
      <c r="N16" s="163"/>
      <c r="O16" s="92" t="s">
        <v>80</v>
      </c>
      <c r="P16" s="92"/>
      <c r="Q16" s="92"/>
      <c r="R16" s="151" t="s">
        <v>54</v>
      </c>
      <c r="S16" s="92" t="s">
        <v>2</v>
      </c>
      <c r="T16" s="103" t="s">
        <v>81</v>
      </c>
      <c r="U16" s="102"/>
      <c r="V16" s="431"/>
      <c r="W16" s="431"/>
      <c r="X16" s="431"/>
      <c r="Y16" s="431"/>
      <c r="Z16" s="431"/>
      <c r="AA16" s="92" t="s">
        <v>26</v>
      </c>
      <c r="AB16" s="102"/>
      <c r="AC16" s="151" t="s">
        <v>54</v>
      </c>
      <c r="AD16" s="102" t="s">
        <v>1</v>
      </c>
      <c r="AE16" s="102"/>
      <c r="AF16" s="102"/>
      <c r="AG16" s="152"/>
      <c r="AH16" s="149"/>
      <c r="AM16" s="145"/>
      <c r="AN16" s="92"/>
      <c r="AO16" s="92"/>
      <c r="AP16" s="145"/>
    </row>
    <row r="17" spans="1:42" ht="15.75" customHeight="1" x14ac:dyDescent="0.15">
      <c r="A17" s="162"/>
      <c r="B17" s="153"/>
      <c r="C17" s="153"/>
      <c r="D17" s="154"/>
      <c r="E17" s="92"/>
      <c r="F17" s="92"/>
      <c r="G17" s="92"/>
      <c r="H17" s="145"/>
      <c r="I17" s="162"/>
      <c r="J17" s="153"/>
      <c r="K17" s="153"/>
      <c r="L17" s="154"/>
      <c r="M17" s="155"/>
      <c r="N17" s="158"/>
      <c r="O17" s="129"/>
      <c r="P17" s="129"/>
      <c r="Q17" s="129"/>
      <c r="R17" s="159" t="s">
        <v>7</v>
      </c>
      <c r="S17" s="129" t="s">
        <v>82</v>
      </c>
      <c r="T17" s="129"/>
      <c r="U17" s="160"/>
      <c r="V17" s="160"/>
      <c r="W17" s="160"/>
      <c r="X17" s="160"/>
      <c r="Y17" s="160"/>
      <c r="Z17" s="160"/>
      <c r="AA17" s="129"/>
      <c r="AB17" s="160"/>
      <c r="AC17" s="159"/>
      <c r="AD17" s="160"/>
      <c r="AE17" s="160"/>
      <c r="AF17" s="160"/>
      <c r="AG17" s="152"/>
      <c r="AH17" s="149"/>
      <c r="AM17" s="145"/>
      <c r="AN17" s="92"/>
      <c r="AO17" s="92"/>
      <c r="AP17" s="145"/>
    </row>
    <row r="18" spans="1:42" ht="15.75" customHeight="1" x14ac:dyDescent="0.15">
      <c r="A18" s="162"/>
      <c r="B18" s="153"/>
      <c r="C18" s="153"/>
      <c r="D18" s="154"/>
      <c r="E18" s="92"/>
      <c r="F18" s="92"/>
      <c r="G18" s="92"/>
      <c r="H18" s="145"/>
      <c r="I18" s="164"/>
      <c r="J18" s="165"/>
      <c r="K18" s="165"/>
      <c r="L18" s="166"/>
      <c r="M18" s="167" t="s">
        <v>7</v>
      </c>
      <c r="N18" s="97" t="s">
        <v>87</v>
      </c>
      <c r="O18" s="105"/>
      <c r="P18" s="105"/>
      <c r="Q18" s="105"/>
      <c r="R18" s="96"/>
      <c r="S18" s="105"/>
      <c r="T18" s="97"/>
      <c r="U18" s="96"/>
      <c r="V18" s="96"/>
      <c r="W18" s="96"/>
      <c r="X18" s="96"/>
      <c r="Y18" s="96"/>
      <c r="Z18" s="96"/>
      <c r="AA18" s="105"/>
      <c r="AB18" s="96"/>
      <c r="AC18" s="96"/>
      <c r="AD18" s="96"/>
      <c r="AE18" s="96"/>
      <c r="AF18" s="96"/>
      <c r="AG18" s="168"/>
      <c r="AH18" s="169"/>
      <c r="AI18" s="105"/>
      <c r="AJ18" s="105"/>
      <c r="AK18" s="105"/>
      <c r="AL18" s="105"/>
      <c r="AM18" s="170"/>
      <c r="AN18" s="105"/>
      <c r="AO18" s="105"/>
      <c r="AP18" s="170"/>
    </row>
    <row r="19" spans="1:42" ht="15.75" customHeight="1" x14ac:dyDescent="0.15">
      <c r="A19" s="148"/>
      <c r="B19" s="92"/>
      <c r="C19" s="92"/>
      <c r="D19" s="145"/>
      <c r="E19" s="437" t="s">
        <v>88</v>
      </c>
      <c r="F19" s="438"/>
      <c r="G19" s="438"/>
      <c r="H19" s="439"/>
      <c r="I19" s="437" t="s">
        <v>89</v>
      </c>
      <c r="J19" s="438"/>
      <c r="K19" s="438"/>
      <c r="L19" s="439"/>
      <c r="M19" s="134" t="s">
        <v>66</v>
      </c>
      <c r="N19" s="112" t="s">
        <v>90</v>
      </c>
      <c r="O19" s="112"/>
      <c r="P19" s="112"/>
      <c r="Q19" s="112"/>
      <c r="R19" s="171"/>
      <c r="S19" s="171"/>
      <c r="T19" s="171"/>
      <c r="U19" s="112"/>
      <c r="V19" s="171" t="s">
        <v>25</v>
      </c>
      <c r="W19" s="136" t="s">
        <v>7</v>
      </c>
      <c r="X19" s="171" t="s">
        <v>2</v>
      </c>
      <c r="Y19" s="113"/>
      <c r="Z19" s="136" t="s">
        <v>7</v>
      </c>
      <c r="AA19" s="171" t="s">
        <v>1</v>
      </c>
      <c r="AB19" s="171" t="s">
        <v>26</v>
      </c>
      <c r="AC19" s="171"/>
      <c r="AD19" s="171"/>
      <c r="AE19" s="171"/>
      <c r="AF19" s="171"/>
      <c r="AG19" s="172"/>
      <c r="AH19" s="138" t="s">
        <v>7</v>
      </c>
      <c r="AI19" s="98" t="s">
        <v>69</v>
      </c>
      <c r="AJ19" s="98"/>
      <c r="AK19" s="98"/>
      <c r="AL19" s="98"/>
      <c r="AM19" s="139"/>
      <c r="AN19" s="98"/>
      <c r="AO19" s="98"/>
      <c r="AP19" s="142"/>
    </row>
    <row r="20" spans="1:42" ht="15.75" customHeight="1" x14ac:dyDescent="0.15">
      <c r="A20" s="173"/>
      <c r="B20" s="153"/>
      <c r="C20" s="153"/>
      <c r="D20" s="154"/>
      <c r="E20" s="148"/>
      <c r="F20" s="92"/>
      <c r="G20" s="92"/>
      <c r="H20" s="145"/>
      <c r="I20" s="449" t="s">
        <v>91</v>
      </c>
      <c r="J20" s="450"/>
      <c r="K20" s="450"/>
      <c r="L20" s="451"/>
      <c r="M20" s="174"/>
      <c r="N20" s="102" t="s">
        <v>66</v>
      </c>
      <c r="O20" s="103" t="s">
        <v>92</v>
      </c>
      <c r="P20" s="92"/>
      <c r="Q20" s="92"/>
      <c r="R20" s="175"/>
      <c r="S20" s="175" t="s">
        <v>25</v>
      </c>
      <c r="T20" s="102"/>
      <c r="U20" s="102"/>
      <c r="V20" s="102"/>
      <c r="W20" s="102"/>
      <c r="X20" s="102"/>
      <c r="Y20" s="102"/>
      <c r="Z20" s="102"/>
      <c r="AA20" s="102"/>
      <c r="AB20" s="102"/>
      <c r="AC20" s="102" t="s">
        <v>26</v>
      </c>
      <c r="AD20" s="102"/>
      <c r="AE20" s="102"/>
      <c r="AF20" s="102"/>
      <c r="AG20" s="102"/>
      <c r="AH20" s="146" t="s">
        <v>7</v>
      </c>
      <c r="AI20" s="92" t="s">
        <v>75</v>
      </c>
      <c r="AJ20" s="92"/>
      <c r="AK20" s="92"/>
      <c r="AL20" s="92"/>
      <c r="AM20" s="147"/>
      <c r="AN20" s="92"/>
      <c r="AO20" s="92"/>
      <c r="AP20" s="145"/>
    </row>
    <row r="21" spans="1:42" ht="15.75" customHeight="1" x14ac:dyDescent="0.15">
      <c r="A21" s="148"/>
      <c r="B21" s="92"/>
      <c r="C21" s="92"/>
      <c r="D21" s="145"/>
      <c r="E21" s="162"/>
      <c r="F21" s="153"/>
      <c r="G21" s="153"/>
      <c r="H21" s="154"/>
      <c r="I21" s="162"/>
      <c r="J21" s="153"/>
      <c r="K21" s="153"/>
      <c r="L21" s="154"/>
      <c r="M21" s="174"/>
      <c r="N21" s="102" t="s">
        <v>66</v>
      </c>
      <c r="O21" s="92" t="s">
        <v>93</v>
      </c>
      <c r="P21" s="103"/>
      <c r="Q21" s="92"/>
      <c r="R21" s="102" t="s">
        <v>94</v>
      </c>
      <c r="S21" s="151" t="s">
        <v>7</v>
      </c>
      <c r="T21" s="102" t="s">
        <v>2</v>
      </c>
      <c r="U21" s="103" t="s">
        <v>95</v>
      </c>
      <c r="V21" s="176"/>
      <c r="W21" s="177"/>
      <c r="X21" s="177"/>
      <c r="Y21" s="177"/>
      <c r="Z21" s="177"/>
      <c r="AA21" s="177"/>
      <c r="AB21" s="102" t="s">
        <v>26</v>
      </c>
      <c r="AC21" s="151" t="s">
        <v>7</v>
      </c>
      <c r="AD21" s="102" t="s">
        <v>1</v>
      </c>
      <c r="AE21" s="102"/>
      <c r="AF21" s="102"/>
      <c r="AG21" s="102"/>
      <c r="AH21" s="146" t="s">
        <v>7</v>
      </c>
      <c r="AI21" s="92"/>
      <c r="AJ21" s="92"/>
      <c r="AK21" s="92"/>
      <c r="AL21" s="92"/>
      <c r="AM21" s="145"/>
      <c r="AN21" s="92"/>
      <c r="AO21" s="92"/>
      <c r="AP21" s="145"/>
    </row>
    <row r="22" spans="1:42" ht="15.75" customHeight="1" x14ac:dyDescent="0.15">
      <c r="A22" s="148"/>
      <c r="B22" s="92"/>
      <c r="C22" s="92"/>
      <c r="D22" s="145"/>
      <c r="E22" s="164"/>
      <c r="F22" s="165"/>
      <c r="G22" s="165"/>
      <c r="H22" s="166"/>
      <c r="I22" s="164"/>
      <c r="J22" s="165"/>
      <c r="K22" s="165"/>
      <c r="L22" s="166"/>
      <c r="M22" s="178"/>
      <c r="N22" s="96"/>
      <c r="O22" s="105"/>
      <c r="P22" s="97"/>
      <c r="Q22" s="105"/>
      <c r="R22" s="96"/>
      <c r="S22" s="126" t="s">
        <v>7</v>
      </c>
      <c r="T22" s="105" t="s">
        <v>82</v>
      </c>
      <c r="U22" s="105"/>
      <c r="V22" s="105"/>
      <c r="W22" s="105"/>
      <c r="X22" s="105"/>
      <c r="Y22" s="105"/>
      <c r="Z22" s="105"/>
      <c r="AA22" s="105"/>
      <c r="AB22" s="105"/>
      <c r="AC22" s="105"/>
      <c r="AD22" s="105"/>
      <c r="AE22" s="105"/>
      <c r="AF22" s="105"/>
      <c r="AG22" s="170"/>
      <c r="AH22" s="167"/>
      <c r="AI22" s="116"/>
      <c r="AJ22" s="116"/>
      <c r="AK22" s="105"/>
      <c r="AL22" s="105"/>
      <c r="AM22" s="179"/>
      <c r="AN22" s="105"/>
      <c r="AO22" s="105"/>
      <c r="AP22" s="170"/>
    </row>
    <row r="23" spans="1:42" ht="15.75" customHeight="1" x14ac:dyDescent="0.15">
      <c r="A23" s="148"/>
      <c r="B23" s="92"/>
      <c r="C23" s="92"/>
      <c r="D23" s="145"/>
      <c r="E23" s="449" t="s">
        <v>96</v>
      </c>
      <c r="F23" s="450"/>
      <c r="G23" s="450"/>
      <c r="H23" s="451"/>
      <c r="I23" s="449" t="s">
        <v>97</v>
      </c>
      <c r="J23" s="450"/>
      <c r="K23" s="450"/>
      <c r="L23" s="451"/>
      <c r="M23" s="155" t="s">
        <v>66</v>
      </c>
      <c r="N23" s="103" t="s">
        <v>98</v>
      </c>
      <c r="O23" s="175"/>
      <c r="P23" s="91" t="s">
        <v>25</v>
      </c>
      <c r="Q23" s="151" t="s">
        <v>7</v>
      </c>
      <c r="R23" s="103" t="s">
        <v>99</v>
      </c>
      <c r="S23" s="103"/>
      <c r="T23" s="103"/>
      <c r="U23" s="103"/>
      <c r="V23" s="124"/>
      <c r="W23" s="151" t="s">
        <v>7</v>
      </c>
      <c r="X23" s="103" t="s">
        <v>100</v>
      </c>
      <c r="Y23" s="103"/>
      <c r="Z23" s="103"/>
      <c r="AB23" s="108"/>
      <c r="AH23" s="146" t="s">
        <v>7</v>
      </c>
      <c r="AI23" s="92" t="s">
        <v>69</v>
      </c>
      <c r="AJ23" s="92"/>
      <c r="AK23" s="92"/>
      <c r="AL23" s="92"/>
      <c r="AM23" s="147"/>
      <c r="AN23" s="92"/>
      <c r="AO23" s="92"/>
      <c r="AP23" s="145"/>
    </row>
    <row r="24" spans="1:42" ht="15.75" customHeight="1" x14ac:dyDescent="0.15">
      <c r="A24" s="148"/>
      <c r="B24" s="92"/>
      <c r="C24" s="92"/>
      <c r="D24" s="145"/>
      <c r="E24" s="449" t="s">
        <v>101</v>
      </c>
      <c r="F24" s="477"/>
      <c r="G24" s="477"/>
      <c r="H24" s="478"/>
      <c r="I24" s="449" t="s">
        <v>102</v>
      </c>
      <c r="J24" s="450"/>
      <c r="K24" s="450"/>
      <c r="L24" s="451"/>
      <c r="M24" s="155"/>
      <c r="N24" s="103"/>
      <c r="O24" s="103"/>
      <c r="Q24" s="151" t="s">
        <v>7</v>
      </c>
      <c r="R24" s="103" t="s">
        <v>103</v>
      </c>
      <c r="T24" s="103"/>
      <c r="U24" s="103"/>
      <c r="W24" s="151" t="s">
        <v>7</v>
      </c>
      <c r="X24" s="103" t="s">
        <v>104</v>
      </c>
      <c r="Y24" s="103"/>
      <c r="Z24" s="103"/>
      <c r="AA24" s="103" t="s">
        <v>26</v>
      </c>
      <c r="AB24" s="103"/>
      <c r="AC24" s="103"/>
      <c r="AD24" s="103"/>
      <c r="AE24" s="103"/>
      <c r="AF24" s="103"/>
      <c r="AG24" s="152"/>
      <c r="AH24" s="146" t="s">
        <v>7</v>
      </c>
      <c r="AI24" s="92"/>
      <c r="AJ24" s="92"/>
      <c r="AK24" s="92"/>
      <c r="AL24" s="92"/>
      <c r="AM24" s="147"/>
      <c r="AN24" s="92"/>
      <c r="AO24" s="92"/>
      <c r="AP24" s="145"/>
    </row>
    <row r="25" spans="1:42" ht="15.75" customHeight="1" x14ac:dyDescent="0.15">
      <c r="A25" s="148"/>
      <c r="B25" s="92"/>
      <c r="C25" s="92"/>
      <c r="D25" s="145"/>
      <c r="E25" s="450"/>
      <c r="F25" s="450"/>
      <c r="G25" s="450"/>
      <c r="H25" s="451"/>
      <c r="I25" s="173"/>
      <c r="J25" s="103"/>
      <c r="K25" s="103"/>
      <c r="L25" s="103"/>
      <c r="M25" s="180"/>
      <c r="N25" s="128" t="s">
        <v>105</v>
      </c>
      <c r="O25" s="128"/>
      <c r="P25" s="128" t="s">
        <v>25</v>
      </c>
      <c r="Q25" s="432"/>
      <c r="R25" s="432"/>
      <c r="S25" s="432"/>
      <c r="T25" s="432"/>
      <c r="U25" s="432"/>
      <c r="V25" s="432"/>
      <c r="W25" s="432"/>
      <c r="X25" s="432"/>
      <c r="Y25" s="432"/>
      <c r="Z25" s="432"/>
      <c r="AA25" s="432"/>
      <c r="AB25" s="432"/>
      <c r="AC25" s="432"/>
      <c r="AD25" s="432"/>
      <c r="AE25" s="160"/>
      <c r="AF25" s="160"/>
      <c r="AG25" s="181" t="s">
        <v>26</v>
      </c>
      <c r="AH25" s="155"/>
      <c r="AI25" s="182"/>
      <c r="AJ25" s="182"/>
      <c r="AK25" s="182"/>
      <c r="AL25" s="182"/>
      <c r="AM25" s="145"/>
      <c r="AN25" s="92"/>
      <c r="AO25" s="92"/>
      <c r="AP25" s="145"/>
    </row>
    <row r="26" spans="1:42" ht="15.75" customHeight="1" x14ac:dyDescent="0.15">
      <c r="A26" s="148"/>
      <c r="B26" s="92"/>
      <c r="C26" s="92"/>
      <c r="D26" s="145"/>
      <c r="E26" s="92"/>
      <c r="F26" s="92"/>
      <c r="G26" s="92"/>
      <c r="H26" s="145"/>
      <c r="I26" s="173"/>
      <c r="J26" s="103"/>
      <c r="K26" s="103"/>
      <c r="L26" s="103"/>
      <c r="M26" s="155" t="s">
        <v>66</v>
      </c>
      <c r="N26" s="103" t="s">
        <v>106</v>
      </c>
      <c r="O26" s="103"/>
      <c r="P26" s="91" t="s">
        <v>25</v>
      </c>
      <c r="Q26" s="151" t="s">
        <v>7</v>
      </c>
      <c r="R26" s="183" t="s">
        <v>107</v>
      </c>
      <c r="S26" s="184"/>
      <c r="T26" s="184"/>
      <c r="U26" s="184"/>
      <c r="V26" s="184"/>
      <c r="W26" s="151" t="s">
        <v>7</v>
      </c>
      <c r="X26" s="103" t="s">
        <v>103</v>
      </c>
      <c r="Z26" s="103"/>
      <c r="AA26" s="103"/>
      <c r="AC26" s="103"/>
      <c r="AD26" s="103"/>
      <c r="AE26" s="103"/>
      <c r="AF26" s="103"/>
      <c r="AG26" s="152"/>
      <c r="AH26" s="155"/>
      <c r="AI26" s="156"/>
      <c r="AJ26" s="92"/>
      <c r="AK26" s="92"/>
      <c r="AL26" s="92"/>
      <c r="AM26" s="147"/>
      <c r="AN26" s="92"/>
      <c r="AO26" s="92"/>
      <c r="AP26" s="145"/>
    </row>
    <row r="27" spans="1:42" ht="15.75" customHeight="1" x14ac:dyDescent="0.15">
      <c r="A27" s="148"/>
      <c r="B27" s="92"/>
      <c r="C27" s="92"/>
      <c r="D27" s="145"/>
      <c r="E27" s="92"/>
      <c r="F27" s="92"/>
      <c r="G27" s="92"/>
      <c r="H27" s="145"/>
      <c r="I27" s="173"/>
      <c r="J27" s="103"/>
      <c r="K27" s="103"/>
      <c r="L27" s="103"/>
      <c r="M27" s="155"/>
      <c r="N27" s="103"/>
      <c r="O27" s="103"/>
      <c r="Q27" s="151" t="s">
        <v>7</v>
      </c>
      <c r="R27" s="103" t="s">
        <v>104</v>
      </c>
      <c r="S27" s="103"/>
      <c r="T27" s="103"/>
      <c r="U27" s="103" t="s">
        <v>26</v>
      </c>
      <c r="V27" s="184"/>
      <c r="W27" s="103"/>
      <c r="X27" s="103"/>
      <c r="Z27" s="103"/>
      <c r="AA27" s="103"/>
      <c r="AC27" s="103"/>
      <c r="AD27" s="103"/>
      <c r="AE27" s="103"/>
      <c r="AF27" s="103"/>
      <c r="AG27" s="152"/>
      <c r="AH27" s="148"/>
      <c r="AI27" s="92"/>
      <c r="AJ27" s="92"/>
      <c r="AK27" s="92"/>
      <c r="AL27" s="92"/>
      <c r="AM27" s="157"/>
      <c r="AN27" s="92"/>
      <c r="AO27" s="92"/>
      <c r="AP27" s="145"/>
    </row>
    <row r="28" spans="1:42" ht="15.75" customHeight="1" x14ac:dyDescent="0.15">
      <c r="A28" s="185"/>
      <c r="B28" s="186"/>
      <c r="C28" s="186"/>
      <c r="D28" s="187"/>
      <c r="E28" s="105"/>
      <c r="F28" s="105"/>
      <c r="G28" s="105"/>
      <c r="H28" s="170"/>
      <c r="I28" s="164"/>
      <c r="J28" s="165"/>
      <c r="K28" s="165"/>
      <c r="L28" s="166"/>
      <c r="M28" s="188"/>
      <c r="N28" s="189" t="s">
        <v>105</v>
      </c>
      <c r="O28" s="189"/>
      <c r="P28" s="189" t="s">
        <v>25</v>
      </c>
      <c r="Q28" s="471"/>
      <c r="R28" s="471"/>
      <c r="S28" s="471"/>
      <c r="T28" s="471"/>
      <c r="U28" s="471"/>
      <c r="V28" s="471"/>
      <c r="W28" s="471"/>
      <c r="X28" s="471"/>
      <c r="Y28" s="471"/>
      <c r="Z28" s="471"/>
      <c r="AA28" s="471"/>
      <c r="AB28" s="471"/>
      <c r="AC28" s="471"/>
      <c r="AD28" s="471"/>
      <c r="AE28" s="190"/>
      <c r="AF28" s="190"/>
      <c r="AG28" s="191" t="s">
        <v>26</v>
      </c>
      <c r="AH28" s="169"/>
      <c r="AI28" s="105"/>
      <c r="AJ28" s="105"/>
      <c r="AK28" s="105"/>
      <c r="AL28" s="105"/>
      <c r="AM28" s="170"/>
      <c r="AN28" s="105"/>
      <c r="AO28" s="105"/>
      <c r="AP28" s="170"/>
    </row>
    <row r="29" spans="1:42" ht="15.75" customHeight="1" x14ac:dyDescent="0.15">
      <c r="A29" s="148"/>
      <c r="B29" s="92"/>
      <c r="C29" s="92"/>
      <c r="D29" s="145"/>
      <c r="E29" s="438" t="s">
        <v>108</v>
      </c>
      <c r="F29" s="438"/>
      <c r="G29" s="438"/>
      <c r="H29" s="439"/>
      <c r="I29" s="437" t="s">
        <v>109</v>
      </c>
      <c r="J29" s="438"/>
      <c r="K29" s="438"/>
      <c r="L29" s="439"/>
      <c r="M29" s="134" t="s">
        <v>66</v>
      </c>
      <c r="N29" s="119" t="s">
        <v>110</v>
      </c>
      <c r="O29" s="119"/>
      <c r="P29" s="119"/>
      <c r="Q29" s="171" t="s">
        <v>25</v>
      </c>
      <c r="R29" s="136" t="s">
        <v>7</v>
      </c>
      <c r="S29" s="171" t="s">
        <v>2</v>
      </c>
      <c r="T29" s="171"/>
      <c r="U29" s="136" t="s">
        <v>7</v>
      </c>
      <c r="V29" s="119" t="s">
        <v>111</v>
      </c>
      <c r="W29" s="172"/>
      <c r="X29" s="111"/>
      <c r="Y29" s="192"/>
      <c r="Z29" s="111" t="s">
        <v>112</v>
      </c>
      <c r="AA29" s="171"/>
      <c r="AB29" s="113"/>
      <c r="AC29" s="113"/>
      <c r="AD29" s="113"/>
      <c r="AE29" s="113"/>
      <c r="AF29" s="130"/>
      <c r="AG29" s="193"/>
      <c r="AH29" s="146" t="s">
        <v>7</v>
      </c>
      <c r="AI29" s="92" t="s">
        <v>69</v>
      </c>
      <c r="AJ29" s="92"/>
      <c r="AK29" s="92"/>
      <c r="AL29" s="98"/>
      <c r="AM29" s="147"/>
      <c r="AN29" s="92"/>
      <c r="AO29" s="92"/>
      <c r="AP29" s="145"/>
    </row>
    <row r="30" spans="1:42" ht="15.75" customHeight="1" x14ac:dyDescent="0.15">
      <c r="A30" s="148"/>
      <c r="B30" s="92"/>
      <c r="C30" s="92"/>
      <c r="D30" s="145"/>
      <c r="E30" s="162"/>
      <c r="F30" s="153"/>
      <c r="G30" s="153"/>
      <c r="H30" s="154"/>
      <c r="I30" s="162"/>
      <c r="J30" s="153"/>
      <c r="K30" s="153"/>
      <c r="L30" s="154"/>
      <c r="M30" s="150"/>
      <c r="N30" s="151" t="s">
        <v>7</v>
      </c>
      <c r="O30" s="103" t="s">
        <v>113</v>
      </c>
      <c r="P30" s="103"/>
      <c r="Q30" s="103"/>
      <c r="R30" s="103"/>
      <c r="S30" s="151" t="s">
        <v>7</v>
      </c>
      <c r="T30" s="103" t="s">
        <v>114</v>
      </c>
      <c r="U30" s="194"/>
      <c r="V30" s="194"/>
      <c r="W30" s="194"/>
      <c r="X30" s="151" t="s">
        <v>7</v>
      </c>
      <c r="Y30" s="103" t="s">
        <v>0</v>
      </c>
      <c r="Z30" s="194"/>
      <c r="AA30" s="194"/>
      <c r="AB30" s="194"/>
      <c r="AC30" s="194"/>
      <c r="AD30" s="194"/>
      <c r="AE30" s="102"/>
      <c r="AH30" s="146" t="s">
        <v>7</v>
      </c>
      <c r="AI30" s="92"/>
      <c r="AJ30" s="182"/>
      <c r="AK30" s="182"/>
      <c r="AL30" s="182"/>
      <c r="AM30" s="147"/>
      <c r="AN30" s="92"/>
      <c r="AO30" s="92"/>
      <c r="AP30" s="145"/>
    </row>
    <row r="31" spans="1:42" ht="15.75" customHeight="1" x14ac:dyDescent="0.15">
      <c r="A31" s="148"/>
      <c r="B31" s="92"/>
      <c r="C31" s="92"/>
      <c r="D31" s="145"/>
      <c r="E31" s="153"/>
      <c r="F31" s="153"/>
      <c r="G31" s="153"/>
      <c r="H31" s="154"/>
      <c r="I31" s="162"/>
      <c r="J31" s="153"/>
      <c r="K31" s="153"/>
      <c r="L31" s="154"/>
      <c r="M31" s="150"/>
      <c r="N31" s="195"/>
      <c r="O31" s="92" t="s">
        <v>115</v>
      </c>
      <c r="P31" s="92"/>
      <c r="Q31" s="92"/>
      <c r="R31" s="92"/>
      <c r="S31" s="156" t="s">
        <v>25</v>
      </c>
      <c r="T31" s="156"/>
      <c r="U31" s="156"/>
      <c r="V31" s="156"/>
      <c r="W31" s="156"/>
      <c r="X31" s="156"/>
      <c r="Y31" s="156"/>
      <c r="Z31" s="156"/>
      <c r="AA31" s="156"/>
      <c r="AB31" s="156"/>
      <c r="AC31" s="156"/>
      <c r="AD31" s="156"/>
      <c r="AE31" s="103" t="s">
        <v>26</v>
      </c>
      <c r="AG31" s="104"/>
      <c r="AH31" s="155"/>
      <c r="AI31" s="156"/>
      <c r="AJ31" s="92"/>
      <c r="AK31" s="92"/>
      <c r="AL31" s="92"/>
      <c r="AM31" s="145"/>
      <c r="AN31" s="92"/>
      <c r="AO31" s="92"/>
      <c r="AP31" s="145"/>
    </row>
    <row r="32" spans="1:42" ht="15.75" customHeight="1" x14ac:dyDescent="0.15">
      <c r="A32" s="148"/>
      <c r="B32" s="92"/>
      <c r="C32" s="92"/>
      <c r="D32" s="145"/>
      <c r="E32" s="153"/>
      <c r="F32" s="153"/>
      <c r="G32" s="153"/>
      <c r="H32" s="154"/>
      <c r="I32" s="449"/>
      <c r="J32" s="450"/>
      <c r="K32" s="450"/>
      <c r="L32" s="451"/>
      <c r="M32" s="196"/>
      <c r="N32" s="151" t="s">
        <v>7</v>
      </c>
      <c r="O32" s="92" t="s">
        <v>116</v>
      </c>
      <c r="P32" s="103"/>
      <c r="Q32" s="103"/>
      <c r="S32" s="156"/>
      <c r="T32" s="156"/>
      <c r="U32" s="156"/>
      <c r="V32" s="194"/>
      <c r="W32" s="194"/>
      <c r="X32" s="194"/>
      <c r="Y32" s="194"/>
      <c r="Z32" s="194"/>
      <c r="AA32" s="194"/>
      <c r="AB32" s="194"/>
      <c r="AC32" s="194"/>
      <c r="AD32" s="194"/>
      <c r="AE32" s="102"/>
      <c r="AG32" s="104"/>
      <c r="AH32" s="148"/>
      <c r="AI32" s="92"/>
      <c r="AJ32" s="92"/>
      <c r="AK32" s="92"/>
      <c r="AL32" s="92"/>
      <c r="AM32" s="147"/>
      <c r="AN32" s="92"/>
      <c r="AO32" s="92"/>
      <c r="AP32" s="145"/>
    </row>
    <row r="33" spans="1:42" ht="15.75" customHeight="1" x14ac:dyDescent="0.15">
      <c r="A33" s="148"/>
      <c r="B33" s="92"/>
      <c r="C33" s="92"/>
      <c r="D33" s="145"/>
      <c r="E33" s="153"/>
      <c r="F33" s="153"/>
      <c r="G33" s="153"/>
      <c r="H33" s="154"/>
      <c r="I33" s="162"/>
      <c r="J33" s="153"/>
      <c r="K33" s="153"/>
      <c r="L33" s="154"/>
      <c r="M33" s="197"/>
      <c r="N33" s="198"/>
      <c r="O33" s="199" t="s">
        <v>117</v>
      </c>
      <c r="P33" s="103"/>
      <c r="Q33" s="103"/>
      <c r="S33" s="156"/>
      <c r="T33" s="156"/>
      <c r="U33" s="156"/>
      <c r="V33" s="194"/>
      <c r="W33" s="194"/>
      <c r="X33" s="194"/>
      <c r="Y33" s="194"/>
      <c r="Z33" s="194"/>
      <c r="AA33" s="194"/>
      <c r="AB33" s="194"/>
      <c r="AC33" s="194"/>
      <c r="AD33" s="194"/>
      <c r="AE33" s="102"/>
      <c r="AF33" s="116"/>
      <c r="AG33" s="116"/>
      <c r="AH33" s="169"/>
      <c r="AI33" s="105"/>
      <c r="AJ33" s="105"/>
      <c r="AK33" s="105"/>
      <c r="AL33" s="105"/>
      <c r="AM33" s="179"/>
      <c r="AN33" s="105"/>
      <c r="AO33" s="105"/>
      <c r="AP33" s="170"/>
    </row>
    <row r="34" spans="1:42" ht="15.75" customHeight="1" x14ac:dyDescent="0.15">
      <c r="A34" s="148"/>
      <c r="B34" s="92"/>
      <c r="C34" s="92"/>
      <c r="D34" s="145"/>
      <c r="E34" s="437" t="s">
        <v>118</v>
      </c>
      <c r="F34" s="438"/>
      <c r="G34" s="438"/>
      <c r="H34" s="439"/>
      <c r="I34" s="437" t="s">
        <v>118</v>
      </c>
      <c r="J34" s="438"/>
      <c r="K34" s="438"/>
      <c r="L34" s="439"/>
      <c r="M34" s="134" t="s">
        <v>66</v>
      </c>
      <c r="N34" s="119" t="s">
        <v>119</v>
      </c>
      <c r="O34" s="119"/>
      <c r="P34" s="119"/>
      <c r="Q34" s="119"/>
      <c r="R34" s="119"/>
      <c r="S34" s="119"/>
      <c r="T34" s="119"/>
      <c r="U34" s="119"/>
      <c r="V34" s="171"/>
      <c r="W34" s="111"/>
      <c r="X34" s="111"/>
      <c r="Y34" s="119" t="s">
        <v>25</v>
      </c>
      <c r="Z34" s="590"/>
      <c r="AA34" s="590"/>
      <c r="AB34" s="590"/>
      <c r="AC34" s="119" t="s">
        <v>120</v>
      </c>
      <c r="AD34" s="171" t="s">
        <v>26</v>
      </c>
      <c r="AE34" s="171"/>
      <c r="AF34" s="130"/>
      <c r="AG34" s="130"/>
      <c r="AH34" s="146" t="s">
        <v>7</v>
      </c>
      <c r="AI34" s="92" t="s">
        <v>69</v>
      </c>
      <c r="AJ34" s="92"/>
      <c r="AK34" s="92"/>
      <c r="AL34" s="92"/>
      <c r="AM34" s="147"/>
      <c r="AN34" s="92"/>
      <c r="AO34" s="92"/>
      <c r="AP34" s="145"/>
    </row>
    <row r="35" spans="1:42" ht="15.75" customHeight="1" x14ac:dyDescent="0.15">
      <c r="A35" s="148"/>
      <c r="B35" s="92"/>
      <c r="C35" s="92"/>
      <c r="D35" s="145"/>
      <c r="E35" s="153"/>
      <c r="F35" s="153"/>
      <c r="G35" s="153"/>
      <c r="H35" s="154"/>
      <c r="I35" s="162"/>
      <c r="J35" s="153"/>
      <c r="K35" s="153"/>
      <c r="L35" s="154"/>
      <c r="M35" s="196"/>
      <c r="N35" s="151" t="s">
        <v>7</v>
      </c>
      <c r="O35" s="103" t="s">
        <v>121</v>
      </c>
      <c r="P35" s="103"/>
      <c r="Q35" s="103"/>
      <c r="R35" s="103"/>
      <c r="S35" s="103"/>
      <c r="T35" s="103"/>
      <c r="U35" s="175"/>
      <c r="V35" s="92"/>
      <c r="W35" s="92"/>
      <c r="X35" s="92"/>
      <c r="Y35" s="92"/>
      <c r="Z35" s="92"/>
      <c r="AA35" s="92"/>
      <c r="AB35" s="92"/>
      <c r="AC35" s="92"/>
      <c r="AD35" s="102"/>
      <c r="AE35" s="102"/>
      <c r="AH35" s="146" t="s">
        <v>7</v>
      </c>
      <c r="AI35" s="156" t="s">
        <v>122</v>
      </c>
      <c r="AJ35" s="182"/>
      <c r="AK35" s="92"/>
      <c r="AL35" s="92"/>
      <c r="AM35" s="147"/>
      <c r="AN35" s="92"/>
      <c r="AO35" s="92"/>
      <c r="AP35" s="145"/>
    </row>
    <row r="36" spans="1:42" ht="15.75" customHeight="1" x14ac:dyDescent="0.15">
      <c r="A36" s="148"/>
      <c r="B36" s="92"/>
      <c r="C36" s="92"/>
      <c r="D36" s="145"/>
      <c r="E36" s="164"/>
      <c r="F36" s="165"/>
      <c r="G36" s="165"/>
      <c r="H36" s="166"/>
      <c r="I36" s="164"/>
      <c r="J36" s="165"/>
      <c r="K36" s="165"/>
      <c r="L36" s="166"/>
      <c r="M36" s="178"/>
      <c r="N36" s="198" t="s">
        <v>7</v>
      </c>
      <c r="O36" s="103" t="s">
        <v>123</v>
      </c>
      <c r="P36" s="116"/>
      <c r="Q36" s="116"/>
      <c r="R36" s="116"/>
      <c r="S36" s="116"/>
      <c r="T36" s="116"/>
      <c r="U36" s="116"/>
      <c r="V36" s="116"/>
      <c r="W36" s="116"/>
      <c r="X36" s="116"/>
      <c r="Y36" s="116"/>
      <c r="Z36" s="116"/>
      <c r="AA36" s="116"/>
      <c r="AB36" s="116"/>
      <c r="AC36" s="116"/>
      <c r="AD36" s="116"/>
      <c r="AE36" s="96"/>
      <c r="AF36" s="116"/>
      <c r="AG36" s="106"/>
      <c r="AH36" s="167" t="s">
        <v>7</v>
      </c>
      <c r="AI36" s="200"/>
      <c r="AJ36" s="200"/>
      <c r="AK36" s="200"/>
      <c r="AL36" s="200"/>
      <c r="AM36" s="170"/>
      <c r="AN36" s="105"/>
      <c r="AO36" s="105"/>
      <c r="AP36" s="170"/>
    </row>
    <row r="37" spans="1:42" ht="15.75" customHeight="1" x14ac:dyDescent="0.15">
      <c r="A37" s="148"/>
      <c r="B37" s="92"/>
      <c r="C37" s="92"/>
      <c r="D37" s="145"/>
      <c r="E37" s="450" t="s">
        <v>124</v>
      </c>
      <c r="F37" s="450"/>
      <c r="G37" s="450"/>
      <c r="H37" s="451"/>
      <c r="I37" s="486" t="s">
        <v>125</v>
      </c>
      <c r="J37" s="487"/>
      <c r="K37" s="487"/>
      <c r="L37" s="488"/>
      <c r="M37" s="155" t="s">
        <v>66</v>
      </c>
      <c r="N37" s="92" t="s">
        <v>126</v>
      </c>
      <c r="O37" s="112"/>
      <c r="P37" s="192"/>
      <c r="Q37" s="113"/>
      <c r="R37" s="113"/>
      <c r="S37" s="113"/>
      <c r="T37" s="113"/>
      <c r="U37" s="113"/>
      <c r="V37" s="113"/>
      <c r="W37" s="113"/>
      <c r="X37" s="113"/>
      <c r="Y37" s="113"/>
      <c r="Z37" s="113"/>
      <c r="AA37" s="113"/>
      <c r="AB37" s="113"/>
      <c r="AC37" s="113"/>
      <c r="AD37" s="113"/>
      <c r="AE37" s="113"/>
      <c r="AF37" s="113"/>
      <c r="AG37" s="137"/>
      <c r="AH37" s="146" t="s">
        <v>7</v>
      </c>
      <c r="AI37" s="92" t="s">
        <v>127</v>
      </c>
      <c r="AJ37" s="92"/>
      <c r="AK37" s="92"/>
      <c r="AL37" s="92"/>
      <c r="AM37" s="147"/>
      <c r="AN37" s="92"/>
      <c r="AO37" s="92"/>
      <c r="AP37" s="145"/>
    </row>
    <row r="38" spans="1:42" ht="15.75" customHeight="1" x14ac:dyDescent="0.15">
      <c r="A38" s="148"/>
      <c r="B38" s="92"/>
      <c r="C38" s="92"/>
      <c r="D38" s="145"/>
      <c r="E38" s="450" t="s">
        <v>128</v>
      </c>
      <c r="F38" s="450"/>
      <c r="G38" s="450"/>
      <c r="H38" s="451"/>
      <c r="I38" s="486" t="s">
        <v>129</v>
      </c>
      <c r="J38" s="487"/>
      <c r="K38" s="487"/>
      <c r="L38" s="488"/>
      <c r="M38" s="155"/>
      <c r="N38" s="201" t="s">
        <v>7</v>
      </c>
      <c r="O38" s="103" t="s">
        <v>130</v>
      </c>
      <c r="Q38" s="103"/>
      <c r="R38" s="103"/>
      <c r="S38" s="103"/>
      <c r="T38" s="92" t="s">
        <v>131</v>
      </c>
      <c r="U38" s="156"/>
      <c r="V38" s="156"/>
      <c r="W38" s="156"/>
      <c r="X38" s="156" t="s">
        <v>120</v>
      </c>
      <c r="Y38" s="156" t="s">
        <v>26</v>
      </c>
      <c r="Z38" s="156"/>
      <c r="AA38" s="156"/>
      <c r="AB38" s="156"/>
      <c r="AH38" s="146" t="s">
        <v>7</v>
      </c>
      <c r="AI38" s="92" t="s">
        <v>132</v>
      </c>
      <c r="AJ38" s="92"/>
      <c r="AK38" s="92"/>
      <c r="AL38" s="92"/>
      <c r="AM38" s="147"/>
      <c r="AN38" s="92"/>
      <c r="AO38" s="92"/>
      <c r="AP38" s="145"/>
    </row>
    <row r="39" spans="1:42" ht="15.75" customHeight="1" x14ac:dyDescent="0.15">
      <c r="A39" s="148"/>
      <c r="B39" s="92"/>
      <c r="C39" s="92"/>
      <c r="D39" s="145"/>
      <c r="I39" s="149"/>
      <c r="M39" s="155"/>
      <c r="N39" s="202" t="s">
        <v>7</v>
      </c>
      <c r="O39" s="103" t="s">
        <v>133</v>
      </c>
      <c r="Q39" s="156"/>
      <c r="R39" s="156"/>
      <c r="S39" s="156"/>
      <c r="T39" s="156" t="s">
        <v>134</v>
      </c>
      <c r="U39" s="156"/>
      <c r="V39" s="156"/>
      <c r="W39" s="156"/>
      <c r="X39" s="156"/>
      <c r="Y39" s="480" t="s">
        <v>135</v>
      </c>
      <c r="Z39" s="480"/>
      <c r="AA39" s="480"/>
      <c r="AB39" s="480"/>
      <c r="AC39" s="156" t="s">
        <v>120</v>
      </c>
      <c r="AD39" s="156" t="s">
        <v>26</v>
      </c>
      <c r="AE39" s="102"/>
      <c r="AH39" s="146" t="s">
        <v>7</v>
      </c>
      <c r="AI39" s="92" t="s">
        <v>122</v>
      </c>
      <c r="AJ39" s="92"/>
      <c r="AK39" s="92"/>
      <c r="AL39" s="92"/>
      <c r="AM39" s="145"/>
      <c r="AN39" s="92"/>
      <c r="AO39" s="92"/>
      <c r="AP39" s="145"/>
    </row>
    <row r="40" spans="1:42" ht="15.75" customHeight="1" x14ac:dyDescent="0.15">
      <c r="A40" s="148"/>
      <c r="B40" s="92"/>
      <c r="C40" s="92"/>
      <c r="D40" s="145"/>
      <c r="E40" s="153"/>
      <c r="F40" s="153"/>
      <c r="G40" s="153"/>
      <c r="H40" s="154"/>
      <c r="I40" s="203"/>
      <c r="J40" s="204"/>
      <c r="K40" s="204"/>
      <c r="L40" s="205"/>
      <c r="M40" s="155"/>
      <c r="N40" s="202" t="s">
        <v>7</v>
      </c>
      <c r="O40" s="103" t="s">
        <v>136</v>
      </c>
      <c r="Q40" s="156"/>
      <c r="R40" s="194"/>
      <c r="S40" s="194"/>
      <c r="T40" s="194"/>
      <c r="U40" s="194"/>
      <c r="V40" s="194"/>
      <c r="Y40" s="102"/>
      <c r="Z40" s="124"/>
      <c r="AA40" s="102"/>
      <c r="AC40" s="124"/>
      <c r="AD40" s="102"/>
      <c r="AE40" s="103"/>
      <c r="AG40" s="104"/>
      <c r="AH40" s="146" t="s">
        <v>7</v>
      </c>
      <c r="AI40" s="156"/>
      <c r="AJ40" s="92"/>
      <c r="AK40" s="92"/>
      <c r="AL40" s="92"/>
      <c r="AM40" s="147"/>
      <c r="AN40" s="92"/>
      <c r="AO40" s="92"/>
      <c r="AP40" s="145"/>
    </row>
    <row r="41" spans="1:42" ht="15.75" customHeight="1" x14ac:dyDescent="0.15">
      <c r="A41" s="148"/>
      <c r="B41" s="92"/>
      <c r="C41" s="92"/>
      <c r="D41" s="145"/>
      <c r="E41" s="153"/>
      <c r="F41" s="153"/>
      <c r="G41" s="153"/>
      <c r="H41" s="154"/>
      <c r="I41" s="203"/>
      <c r="J41" s="204"/>
      <c r="K41" s="204"/>
      <c r="L41" s="205"/>
      <c r="M41" s="102"/>
      <c r="N41" s="198"/>
      <c r="O41" s="199" t="s">
        <v>117</v>
      </c>
      <c r="P41" s="103"/>
      <c r="Q41" s="156"/>
      <c r="R41" s="194"/>
      <c r="S41" s="194"/>
      <c r="T41" s="194"/>
      <c r="U41" s="194"/>
      <c r="V41" s="194"/>
      <c r="Y41" s="102"/>
      <c r="Z41" s="124"/>
      <c r="AA41" s="102"/>
      <c r="AC41" s="124"/>
      <c r="AD41" s="102"/>
      <c r="AE41" s="103"/>
      <c r="AH41" s="146"/>
      <c r="AI41" s="156"/>
      <c r="AJ41" s="92"/>
      <c r="AK41" s="92"/>
      <c r="AL41" s="92"/>
      <c r="AM41" s="147"/>
      <c r="AN41" s="92"/>
      <c r="AO41" s="92"/>
      <c r="AP41" s="145"/>
    </row>
    <row r="42" spans="1:42" ht="15.75" customHeight="1" x14ac:dyDescent="0.15">
      <c r="A42" s="148"/>
      <c r="B42" s="92"/>
      <c r="C42" s="92"/>
      <c r="D42" s="145"/>
      <c r="E42" s="437" t="s">
        <v>137</v>
      </c>
      <c r="F42" s="438"/>
      <c r="G42" s="438"/>
      <c r="H42" s="439"/>
      <c r="I42" s="437" t="s">
        <v>138</v>
      </c>
      <c r="J42" s="438"/>
      <c r="K42" s="438"/>
      <c r="L42" s="439"/>
      <c r="M42" s="206" t="s">
        <v>66</v>
      </c>
      <c r="N42" s="98" t="s">
        <v>139</v>
      </c>
      <c r="O42" s="98"/>
      <c r="P42" s="98"/>
      <c r="Q42" s="207"/>
      <c r="R42" s="206" t="s">
        <v>140</v>
      </c>
      <c r="S42" s="208" t="s">
        <v>141</v>
      </c>
      <c r="T42" s="114"/>
      <c r="U42" s="114"/>
      <c r="V42" s="206"/>
      <c r="W42" s="208"/>
      <c r="X42" s="98"/>
      <c r="Y42" s="206"/>
      <c r="Z42" s="206"/>
      <c r="AA42" s="206"/>
      <c r="AB42" s="453"/>
      <c r="AC42" s="589"/>
      <c r="AD42" s="98" t="s">
        <v>120</v>
      </c>
      <c r="AE42" s="208" t="s">
        <v>112</v>
      </c>
      <c r="AF42" s="114"/>
      <c r="AG42" s="114"/>
      <c r="AH42" s="138" t="s">
        <v>7</v>
      </c>
      <c r="AI42" s="98" t="s">
        <v>69</v>
      </c>
      <c r="AJ42" s="98"/>
      <c r="AK42" s="98"/>
      <c r="AL42" s="98"/>
      <c r="AM42" s="209"/>
      <c r="AN42" s="98"/>
      <c r="AO42" s="98"/>
      <c r="AP42" s="142"/>
    </row>
    <row r="43" spans="1:42" ht="15.75" customHeight="1" x14ac:dyDescent="0.15">
      <c r="A43" s="148"/>
      <c r="B43" s="92"/>
      <c r="C43" s="92"/>
      <c r="D43" s="145"/>
      <c r="E43" s="148"/>
      <c r="F43" s="92"/>
      <c r="G43" s="92"/>
      <c r="H43" s="92"/>
      <c r="I43" s="449" t="s">
        <v>142</v>
      </c>
      <c r="J43" s="450"/>
      <c r="K43" s="450"/>
      <c r="L43" s="451"/>
      <c r="M43" s="155"/>
      <c r="N43" s="92"/>
      <c r="O43" s="92"/>
      <c r="P43" s="92"/>
      <c r="Q43" s="175"/>
      <c r="R43" s="108"/>
      <c r="S43" s="92" t="s">
        <v>143</v>
      </c>
      <c r="Y43" s="175" t="s">
        <v>25</v>
      </c>
      <c r="Z43" s="151" t="s">
        <v>7</v>
      </c>
      <c r="AA43" s="102" t="s">
        <v>2</v>
      </c>
      <c r="AC43" s="151" t="s">
        <v>7</v>
      </c>
      <c r="AD43" s="102" t="s">
        <v>1</v>
      </c>
      <c r="AE43" s="103" t="s">
        <v>26</v>
      </c>
      <c r="AH43" s="155"/>
      <c r="AI43" s="182"/>
      <c r="AJ43" s="182"/>
      <c r="AK43" s="182"/>
      <c r="AL43" s="182"/>
      <c r="AM43" s="210"/>
      <c r="AN43" s="92"/>
      <c r="AO43" s="92"/>
      <c r="AP43" s="145"/>
    </row>
    <row r="44" spans="1:42" ht="15.75" customHeight="1" x14ac:dyDescent="0.15">
      <c r="A44" s="148"/>
      <c r="B44" s="92"/>
      <c r="C44" s="92"/>
      <c r="D44" s="145"/>
      <c r="E44" s="148"/>
      <c r="F44" s="92"/>
      <c r="G44" s="92"/>
      <c r="H44" s="92"/>
      <c r="I44" s="148"/>
      <c r="J44" s="92"/>
      <c r="K44" s="92"/>
      <c r="L44" s="92"/>
      <c r="M44" s="211"/>
      <c r="R44" s="102" t="s">
        <v>144</v>
      </c>
      <c r="S44" s="103" t="s">
        <v>145</v>
      </c>
      <c r="V44" s="431"/>
      <c r="W44" s="431"/>
      <c r="X44" s="103" t="s">
        <v>120</v>
      </c>
      <c r="Y44" s="91" t="s">
        <v>146</v>
      </c>
      <c r="Z44" s="102" t="s">
        <v>147</v>
      </c>
      <c r="AA44" s="102"/>
      <c r="AB44" s="431"/>
      <c r="AC44" s="431"/>
      <c r="AD44" s="92" t="s">
        <v>120</v>
      </c>
      <c r="AE44" s="92" t="s">
        <v>148</v>
      </c>
      <c r="AH44" s="155"/>
      <c r="AI44" s="182"/>
      <c r="AJ44" s="182"/>
      <c r="AK44" s="182"/>
      <c r="AL44" s="182"/>
      <c r="AM44" s="210"/>
      <c r="AN44" s="92"/>
      <c r="AO44" s="92"/>
      <c r="AP44" s="145"/>
    </row>
    <row r="45" spans="1:42" ht="15.75" customHeight="1" x14ac:dyDescent="0.15">
      <c r="A45" s="148"/>
      <c r="B45" s="92"/>
      <c r="C45" s="92"/>
      <c r="D45" s="145"/>
      <c r="E45" s="169"/>
      <c r="F45" s="105"/>
      <c r="G45" s="105"/>
      <c r="H45" s="105"/>
      <c r="I45" s="169"/>
      <c r="J45" s="105"/>
      <c r="K45" s="105"/>
      <c r="L45" s="105"/>
      <c r="M45" s="212" t="s">
        <v>66</v>
      </c>
      <c r="N45" s="105" t="s">
        <v>149</v>
      </c>
      <c r="O45" s="105"/>
      <c r="P45" s="105"/>
      <c r="Q45" s="96" t="s">
        <v>25</v>
      </c>
      <c r="R45" s="97" t="s">
        <v>150</v>
      </c>
      <c r="S45" s="97"/>
      <c r="T45" s="116"/>
      <c r="U45" s="127"/>
      <c r="V45" s="127"/>
      <c r="W45" s="97" t="s">
        <v>151</v>
      </c>
      <c r="X45" s="97"/>
      <c r="Y45" s="116" t="s">
        <v>146</v>
      </c>
      <c r="Z45" s="97" t="s">
        <v>152</v>
      </c>
      <c r="AA45" s="96"/>
      <c r="AB45" s="96"/>
      <c r="AC45" s="96"/>
      <c r="AD45" s="105" t="s">
        <v>153</v>
      </c>
      <c r="AE45" s="97" t="s">
        <v>112</v>
      </c>
      <c r="AF45" s="116"/>
      <c r="AG45" s="116"/>
      <c r="AH45" s="212"/>
      <c r="AI45" s="200"/>
      <c r="AJ45" s="200"/>
      <c r="AK45" s="200"/>
      <c r="AL45" s="200"/>
      <c r="AM45" s="213"/>
      <c r="AN45" s="105"/>
      <c r="AO45" s="105"/>
      <c r="AP45" s="170"/>
    </row>
    <row r="46" spans="1:42" ht="15.75" customHeight="1" x14ac:dyDescent="0.15">
      <c r="A46" s="148"/>
      <c r="B46" s="92"/>
      <c r="C46" s="92"/>
      <c r="D46" s="145"/>
      <c r="E46" s="450" t="s">
        <v>154</v>
      </c>
      <c r="F46" s="450"/>
      <c r="G46" s="450"/>
      <c r="H46" s="451"/>
      <c r="I46" s="449" t="s">
        <v>155</v>
      </c>
      <c r="J46" s="450"/>
      <c r="K46" s="450"/>
      <c r="L46" s="451"/>
      <c r="M46" s="134" t="s">
        <v>66</v>
      </c>
      <c r="N46" s="208" t="s">
        <v>156</v>
      </c>
      <c r="O46" s="208"/>
      <c r="P46" s="208"/>
      <c r="Q46" s="208"/>
      <c r="R46" s="207"/>
      <c r="S46" s="98"/>
      <c r="T46" s="98"/>
      <c r="U46" s="206"/>
      <c r="V46" s="206"/>
      <c r="W46" s="206" t="s">
        <v>25</v>
      </c>
      <c r="X46" s="140" t="s">
        <v>7</v>
      </c>
      <c r="Y46" s="206" t="s">
        <v>2</v>
      </c>
      <c r="Z46" s="206"/>
      <c r="AA46" s="140" t="s">
        <v>7</v>
      </c>
      <c r="AB46" s="206" t="s">
        <v>1</v>
      </c>
      <c r="AC46" s="206" t="s">
        <v>26</v>
      </c>
      <c r="AD46" s="206"/>
      <c r="AE46" s="206"/>
      <c r="AF46" s="114"/>
      <c r="AG46" s="99"/>
      <c r="AH46" s="138" t="s">
        <v>7</v>
      </c>
      <c r="AI46" s="98" t="s">
        <v>69</v>
      </c>
      <c r="AJ46" s="98"/>
      <c r="AK46" s="98"/>
      <c r="AL46" s="98"/>
      <c r="AM46" s="139"/>
      <c r="AN46" s="98"/>
      <c r="AO46" s="98"/>
      <c r="AP46" s="142"/>
    </row>
    <row r="47" spans="1:42" ht="15.75" customHeight="1" x14ac:dyDescent="0.15">
      <c r="A47" s="148"/>
      <c r="B47" s="92"/>
      <c r="C47" s="92"/>
      <c r="D47" s="145"/>
      <c r="E47" s="449" t="s">
        <v>157</v>
      </c>
      <c r="F47" s="477"/>
      <c r="G47" s="477"/>
      <c r="H47" s="478"/>
      <c r="I47" s="449" t="s">
        <v>158</v>
      </c>
      <c r="J47" s="450"/>
      <c r="K47" s="450"/>
      <c r="L47" s="451"/>
      <c r="M47" s="155" t="s">
        <v>66</v>
      </c>
      <c r="N47" s="103" t="s">
        <v>159</v>
      </c>
      <c r="O47" s="103"/>
      <c r="P47" s="103"/>
      <c r="Q47" s="103"/>
      <c r="R47" s="175" t="s">
        <v>25</v>
      </c>
      <c r="S47" s="92" t="s">
        <v>160</v>
      </c>
      <c r="T47" s="92"/>
      <c r="U47" s="102"/>
      <c r="V47" s="431"/>
      <c r="W47" s="431"/>
      <c r="X47" s="431"/>
      <c r="Y47" s="92" t="s">
        <v>161</v>
      </c>
      <c r="Z47" s="102"/>
      <c r="AA47" s="102"/>
      <c r="AB47" s="431"/>
      <c r="AC47" s="431"/>
      <c r="AD47" s="431"/>
      <c r="AE47" s="102" t="s">
        <v>112</v>
      </c>
      <c r="AH47" s="146" t="s">
        <v>7</v>
      </c>
      <c r="AI47" s="92" t="s">
        <v>162</v>
      </c>
      <c r="AJ47" s="182"/>
      <c r="AK47" s="182"/>
      <c r="AL47" s="182"/>
      <c r="AM47" s="147"/>
      <c r="AN47" s="92"/>
      <c r="AO47" s="92"/>
      <c r="AP47" s="145"/>
    </row>
    <row r="48" spans="1:42" ht="15.75" customHeight="1" x14ac:dyDescent="0.15">
      <c r="A48" s="148"/>
      <c r="B48" s="92"/>
      <c r="C48" s="92"/>
      <c r="D48" s="145"/>
      <c r="E48" s="162"/>
      <c r="F48" s="214"/>
      <c r="G48" s="214"/>
      <c r="H48" s="215"/>
      <c r="I48" s="162"/>
      <c r="J48" s="153"/>
      <c r="K48" s="153"/>
      <c r="L48" s="154"/>
      <c r="M48" s="155"/>
      <c r="O48" s="151" t="s">
        <v>7</v>
      </c>
      <c r="P48" s="103" t="s">
        <v>163</v>
      </c>
      <c r="Q48" s="103"/>
      <c r="R48" s="175"/>
      <c r="S48" s="92"/>
      <c r="T48" s="92"/>
      <c r="U48" s="102"/>
      <c r="V48" s="102"/>
      <c r="W48" s="102"/>
      <c r="X48" s="102"/>
      <c r="Y48" s="92"/>
      <c r="Z48" s="102"/>
      <c r="AA48" s="102"/>
      <c r="AB48" s="102"/>
      <c r="AC48" s="102"/>
      <c r="AD48" s="102"/>
      <c r="AE48" s="102"/>
      <c r="AG48" s="104"/>
      <c r="AH48" s="146" t="s">
        <v>7</v>
      </c>
      <c r="AI48" s="156"/>
      <c r="AJ48" s="92"/>
      <c r="AK48" s="92"/>
      <c r="AL48" s="92"/>
      <c r="AM48" s="145"/>
      <c r="AN48" s="92"/>
      <c r="AO48" s="92"/>
      <c r="AP48" s="145"/>
    </row>
    <row r="49" spans="1:42" ht="15.75" customHeight="1" x14ac:dyDescent="0.15">
      <c r="A49" s="148"/>
      <c r="B49" s="92"/>
      <c r="C49" s="92"/>
      <c r="D49" s="145"/>
      <c r="E49" s="92"/>
      <c r="F49" s="92"/>
      <c r="G49" s="92"/>
      <c r="H49" s="145"/>
      <c r="I49" s="148"/>
      <c r="J49" s="92"/>
      <c r="K49" s="92"/>
      <c r="L49" s="145"/>
      <c r="M49" s="155"/>
      <c r="O49" s="103"/>
      <c r="P49" s="103"/>
      <c r="Q49" s="103"/>
      <c r="R49" s="175" t="s">
        <v>25</v>
      </c>
      <c r="S49" s="92" t="s">
        <v>160</v>
      </c>
      <c r="T49" s="92"/>
      <c r="U49" s="102"/>
      <c r="V49" s="431"/>
      <c r="W49" s="431"/>
      <c r="X49" s="431"/>
      <c r="Y49" s="92" t="s">
        <v>161</v>
      </c>
      <c r="Z49" s="102"/>
      <c r="AA49" s="102"/>
      <c r="AB49" s="431"/>
      <c r="AC49" s="431"/>
      <c r="AD49" s="431"/>
      <c r="AE49" s="102" t="s">
        <v>112</v>
      </c>
      <c r="AH49" s="148"/>
      <c r="AI49" s="92"/>
      <c r="AJ49" s="92"/>
      <c r="AK49" s="92"/>
      <c r="AL49" s="92"/>
      <c r="AM49" s="147"/>
      <c r="AN49" s="92"/>
      <c r="AO49" s="92"/>
      <c r="AP49" s="145"/>
    </row>
    <row r="50" spans="1:42" ht="15.75" customHeight="1" x14ac:dyDescent="0.15">
      <c r="A50" s="148"/>
      <c r="B50" s="92"/>
      <c r="C50" s="92"/>
      <c r="D50" s="145"/>
      <c r="E50" s="92"/>
      <c r="F50" s="92"/>
      <c r="G50" s="92"/>
      <c r="H50" s="145"/>
      <c r="I50" s="449"/>
      <c r="J50" s="450"/>
      <c r="K50" s="450"/>
      <c r="L50" s="451"/>
      <c r="M50" s="212"/>
      <c r="O50" s="151" t="s">
        <v>7</v>
      </c>
      <c r="P50" s="97" t="s">
        <v>164</v>
      </c>
      <c r="Q50" s="124"/>
      <c r="R50" s="124"/>
      <c r="S50" s="97"/>
      <c r="T50" s="118"/>
      <c r="U50" s="118"/>
      <c r="V50" s="118"/>
      <c r="W50" s="118"/>
      <c r="X50" s="118"/>
      <c r="Y50" s="118"/>
      <c r="Z50" s="118"/>
      <c r="AA50" s="118"/>
      <c r="AB50" s="118"/>
      <c r="AC50" s="118"/>
      <c r="AD50" s="118"/>
      <c r="AE50" s="118"/>
      <c r="AF50" s="116"/>
      <c r="AG50" s="106"/>
      <c r="AH50" s="212"/>
      <c r="AI50" s="105"/>
      <c r="AJ50" s="105"/>
      <c r="AK50" s="105"/>
      <c r="AL50" s="105"/>
      <c r="AM50" s="216"/>
      <c r="AN50" s="105"/>
      <c r="AO50" s="105"/>
      <c r="AP50" s="170"/>
    </row>
    <row r="51" spans="1:42" ht="15.75" customHeight="1" x14ac:dyDescent="0.15">
      <c r="A51" s="148"/>
      <c r="B51" s="92"/>
      <c r="C51" s="92"/>
      <c r="D51" s="92"/>
      <c r="E51" s="437" t="s">
        <v>165</v>
      </c>
      <c r="F51" s="438"/>
      <c r="G51" s="438"/>
      <c r="H51" s="439"/>
      <c r="I51" s="437" t="s">
        <v>166</v>
      </c>
      <c r="J51" s="438"/>
      <c r="K51" s="438"/>
      <c r="L51" s="439"/>
      <c r="M51" s="134" t="s">
        <v>66</v>
      </c>
      <c r="N51" s="98" t="s">
        <v>167</v>
      </c>
      <c r="O51" s="208"/>
      <c r="P51" s="98"/>
      <c r="Q51" s="206"/>
      <c r="R51" s="208"/>
      <c r="S51" s="208"/>
      <c r="T51" s="208"/>
      <c r="U51" s="206" t="s">
        <v>168</v>
      </c>
      <c r="V51" s="208"/>
      <c r="W51" s="208"/>
      <c r="X51" s="206" t="s">
        <v>25</v>
      </c>
      <c r="Y51" s="140" t="s">
        <v>7</v>
      </c>
      <c r="Z51" s="206" t="s">
        <v>2</v>
      </c>
      <c r="AA51" s="206"/>
      <c r="AB51" s="140" t="s">
        <v>7</v>
      </c>
      <c r="AC51" s="206" t="s">
        <v>1</v>
      </c>
      <c r="AD51" s="206" t="s">
        <v>26</v>
      </c>
      <c r="AE51" s="206"/>
      <c r="AF51" s="206"/>
      <c r="AG51" s="217"/>
      <c r="AH51" s="146" t="s">
        <v>7</v>
      </c>
      <c r="AI51" s="92" t="s">
        <v>169</v>
      </c>
      <c r="AJ51" s="92"/>
      <c r="AK51" s="92"/>
      <c r="AL51" s="92"/>
      <c r="AM51" s="147"/>
      <c r="AN51" s="92"/>
      <c r="AO51" s="92"/>
      <c r="AP51" s="145"/>
    </row>
    <row r="52" spans="1:42" ht="15.75" customHeight="1" x14ac:dyDescent="0.15">
      <c r="A52" s="148"/>
      <c r="B52" s="92"/>
      <c r="C52" s="92"/>
      <c r="D52" s="92"/>
      <c r="E52" s="148"/>
      <c r="F52" s="92"/>
      <c r="G52" s="92"/>
      <c r="H52" s="145"/>
      <c r="I52" s="449" t="s">
        <v>170</v>
      </c>
      <c r="J52" s="450"/>
      <c r="K52" s="450"/>
      <c r="L52" s="451"/>
      <c r="M52" s="155" t="s">
        <v>66</v>
      </c>
      <c r="N52" s="92" t="s">
        <v>171</v>
      </c>
      <c r="O52" s="92"/>
      <c r="P52" s="103"/>
      <c r="Q52" s="103"/>
      <c r="R52" s="103"/>
      <c r="S52" s="103"/>
      <c r="T52" s="103"/>
      <c r="U52" s="103"/>
      <c r="V52" s="103"/>
      <c r="W52" s="102" t="s">
        <v>25</v>
      </c>
      <c r="X52" s="431"/>
      <c r="Y52" s="431"/>
      <c r="Z52" s="431"/>
      <c r="AA52" s="431"/>
      <c r="AB52" s="92" t="s">
        <v>120</v>
      </c>
      <c r="AC52" s="102" t="s">
        <v>112</v>
      </c>
      <c r="AD52" s="92"/>
      <c r="AE52" s="92"/>
      <c r="AF52" s="92"/>
      <c r="AG52" s="145"/>
      <c r="AH52" s="146" t="s">
        <v>7</v>
      </c>
      <c r="AI52" s="92" t="s">
        <v>75</v>
      </c>
      <c r="AJ52" s="182"/>
      <c r="AK52" s="182"/>
      <c r="AL52" s="182"/>
      <c r="AM52" s="147"/>
      <c r="AN52" s="92"/>
      <c r="AO52" s="92"/>
      <c r="AP52" s="145"/>
    </row>
    <row r="53" spans="1:42" ht="15.75" customHeight="1" x14ac:dyDescent="0.15">
      <c r="A53" s="148"/>
      <c r="B53" s="92"/>
      <c r="C53" s="92"/>
      <c r="D53" s="92"/>
      <c r="E53" s="148"/>
      <c r="F53" s="92"/>
      <c r="G53" s="92"/>
      <c r="H53" s="145"/>
      <c r="I53" s="148"/>
      <c r="J53" s="92"/>
      <c r="K53" s="92"/>
      <c r="L53" s="145"/>
      <c r="M53" s="218"/>
      <c r="N53" s="92"/>
      <c r="O53" s="151" t="s">
        <v>7</v>
      </c>
      <c r="P53" s="103" t="s">
        <v>172</v>
      </c>
      <c r="Q53" s="103"/>
      <c r="R53" s="103"/>
      <c r="S53" s="103"/>
      <c r="T53" s="103"/>
      <c r="U53" s="103"/>
      <c r="V53" s="103" t="s">
        <v>25</v>
      </c>
      <c r="W53" s="431"/>
      <c r="X53" s="431"/>
      <c r="Y53" s="431"/>
      <c r="Z53" s="431"/>
      <c r="AA53" s="92" t="s">
        <v>120</v>
      </c>
      <c r="AB53" s="92" t="s">
        <v>112</v>
      </c>
      <c r="AC53" s="92"/>
      <c r="AD53" s="92"/>
      <c r="AE53" s="92"/>
      <c r="AF53" s="92"/>
      <c r="AG53" s="145"/>
      <c r="AH53" s="146" t="s">
        <v>7</v>
      </c>
      <c r="AI53" s="156"/>
      <c r="AJ53" s="92"/>
      <c r="AK53" s="92"/>
      <c r="AL53" s="92"/>
      <c r="AM53" s="145"/>
      <c r="AN53" s="92"/>
      <c r="AO53" s="92"/>
      <c r="AP53" s="145"/>
    </row>
    <row r="54" spans="1:42" ht="15.75" customHeight="1" x14ac:dyDescent="0.15">
      <c r="A54" s="148"/>
      <c r="B54" s="92"/>
      <c r="C54" s="92"/>
      <c r="D54" s="92"/>
      <c r="E54" s="148"/>
      <c r="F54" s="92"/>
      <c r="G54" s="92"/>
      <c r="H54" s="145"/>
      <c r="I54" s="148"/>
      <c r="J54" s="92"/>
      <c r="K54" s="92"/>
      <c r="L54" s="145"/>
      <c r="M54" s="218"/>
      <c r="N54" s="92"/>
      <c r="O54" s="151" t="s">
        <v>7</v>
      </c>
      <c r="P54" s="92" t="s">
        <v>173</v>
      </c>
      <c r="Q54" s="102"/>
      <c r="R54" s="102"/>
      <c r="S54" s="102"/>
      <c r="T54" s="102"/>
      <c r="U54" s="102"/>
      <c r="V54" s="194"/>
      <c r="W54" s="194"/>
      <c r="X54" s="194"/>
      <c r="Y54" s="194"/>
      <c r="Z54" s="194"/>
      <c r="AA54" s="92"/>
      <c r="AB54" s="92"/>
      <c r="AC54" s="92"/>
      <c r="AD54" s="92"/>
      <c r="AE54" s="92"/>
      <c r="AF54" s="92"/>
      <c r="AG54" s="145"/>
      <c r="AH54" s="146"/>
      <c r="AI54" s="156"/>
      <c r="AJ54" s="92"/>
      <c r="AK54" s="92"/>
      <c r="AL54" s="92"/>
      <c r="AM54" s="147"/>
      <c r="AN54" s="92"/>
      <c r="AO54" s="92"/>
      <c r="AP54" s="145"/>
    </row>
    <row r="55" spans="1:42" ht="15.75" customHeight="1" x14ac:dyDescent="0.15">
      <c r="A55" s="149"/>
      <c r="E55" s="148"/>
      <c r="F55" s="92"/>
      <c r="G55" s="92"/>
      <c r="H55" s="145"/>
      <c r="I55" s="148"/>
      <c r="J55" s="92"/>
      <c r="K55" s="92"/>
      <c r="L55" s="145"/>
      <c r="M55" s="155" t="s">
        <v>66</v>
      </c>
      <c r="N55" s="92" t="s">
        <v>174</v>
      </c>
      <c r="O55" s="103"/>
      <c r="P55" s="92"/>
      <c r="Q55" s="102"/>
      <c r="R55" s="92"/>
      <c r="S55" s="92"/>
      <c r="T55" s="103"/>
      <c r="U55" s="102" t="s">
        <v>168</v>
      </c>
      <c r="V55" s="103"/>
      <c r="W55" s="103"/>
      <c r="X55" s="102" t="s">
        <v>25</v>
      </c>
      <c r="Y55" s="151" t="s">
        <v>7</v>
      </c>
      <c r="Z55" s="102" t="s">
        <v>2</v>
      </c>
      <c r="AA55" s="102"/>
      <c r="AB55" s="151" t="s">
        <v>7</v>
      </c>
      <c r="AC55" s="102" t="s">
        <v>1</v>
      </c>
      <c r="AD55" s="102" t="s">
        <v>26</v>
      </c>
      <c r="AE55" s="102"/>
      <c r="AF55" s="102"/>
      <c r="AG55" s="152"/>
      <c r="AH55" s="155"/>
      <c r="AI55" s="92"/>
      <c r="AJ55" s="92"/>
      <c r="AK55" s="92"/>
      <c r="AL55" s="92"/>
      <c r="AM55" s="145"/>
      <c r="AN55" s="92"/>
      <c r="AO55" s="92"/>
      <c r="AP55" s="145"/>
    </row>
    <row r="56" spans="1:42" ht="15.75" customHeight="1" x14ac:dyDescent="0.15">
      <c r="A56" s="149"/>
      <c r="D56" s="104"/>
      <c r="E56" s="437" t="s">
        <v>175</v>
      </c>
      <c r="F56" s="438"/>
      <c r="G56" s="438"/>
      <c r="H56" s="439"/>
      <c r="I56" s="437" t="s">
        <v>176</v>
      </c>
      <c r="J56" s="438"/>
      <c r="K56" s="438"/>
      <c r="L56" s="439"/>
      <c r="M56" s="138" t="s">
        <v>7</v>
      </c>
      <c r="N56" s="98" t="s">
        <v>177</v>
      </c>
      <c r="O56" s="208"/>
      <c r="P56" s="98"/>
      <c r="Q56" s="206"/>
      <c r="R56" s="98"/>
      <c r="S56" s="98"/>
      <c r="T56" s="208"/>
      <c r="U56" s="206"/>
      <c r="V56" s="208"/>
      <c r="W56" s="206"/>
      <c r="X56" s="140"/>
      <c r="Y56" s="206"/>
      <c r="Z56" s="206"/>
      <c r="AA56" s="140"/>
      <c r="AB56" s="206"/>
      <c r="AC56" s="206"/>
      <c r="AD56" s="206"/>
      <c r="AE56" s="206"/>
      <c r="AF56" s="206"/>
      <c r="AG56" s="142"/>
      <c r="AH56" s="141"/>
      <c r="AI56" s="98"/>
      <c r="AJ56" s="98"/>
      <c r="AK56" s="98"/>
      <c r="AL56" s="98"/>
      <c r="AM56" s="142"/>
      <c r="AN56" s="98"/>
      <c r="AO56" s="98"/>
      <c r="AP56" s="142"/>
    </row>
    <row r="57" spans="1:42" ht="15.75" customHeight="1" x14ac:dyDescent="0.15">
      <c r="A57" s="219"/>
      <c r="B57" s="116"/>
      <c r="C57" s="116"/>
      <c r="D57" s="106"/>
      <c r="E57" s="169"/>
      <c r="F57" s="105"/>
      <c r="G57" s="105"/>
      <c r="H57" s="170"/>
      <c r="I57" s="461" t="s">
        <v>178</v>
      </c>
      <c r="J57" s="462"/>
      <c r="K57" s="462"/>
      <c r="L57" s="463"/>
      <c r="M57" s="167" t="s">
        <v>7</v>
      </c>
      <c r="N57" s="105" t="s">
        <v>179</v>
      </c>
      <c r="O57" s="97"/>
      <c r="P57" s="105"/>
      <c r="Q57" s="96"/>
      <c r="R57" s="105"/>
      <c r="S57" s="105"/>
      <c r="T57" s="97"/>
      <c r="U57" s="96"/>
      <c r="V57" s="97"/>
      <c r="W57" s="96"/>
      <c r="X57" s="126"/>
      <c r="Y57" s="96"/>
      <c r="Z57" s="96"/>
      <c r="AA57" s="126"/>
      <c r="AB57" s="96"/>
      <c r="AC57" s="96"/>
      <c r="AD57" s="96"/>
      <c r="AE57" s="96"/>
      <c r="AF57" s="96"/>
      <c r="AG57" s="170"/>
      <c r="AH57" s="169"/>
      <c r="AI57" s="105"/>
      <c r="AJ57" s="105"/>
      <c r="AK57" s="105"/>
      <c r="AL57" s="105"/>
      <c r="AM57" s="170"/>
      <c r="AN57" s="105"/>
      <c r="AO57" s="105"/>
      <c r="AP57" s="170"/>
    </row>
    <row r="58" spans="1:42" ht="15.75" customHeight="1" x14ac:dyDescent="0.15">
      <c r="A58" s="92" t="s">
        <v>180</v>
      </c>
      <c r="E58" s="92"/>
      <c r="F58" s="92"/>
      <c r="G58" s="92"/>
      <c r="H58" s="92"/>
      <c r="I58" s="92"/>
      <c r="J58" s="92"/>
      <c r="K58" s="92"/>
      <c r="L58" s="92"/>
      <c r="M58" s="175"/>
      <c r="N58" s="151"/>
      <c r="O58" s="92"/>
      <c r="P58" s="103"/>
      <c r="Q58" s="103"/>
      <c r="R58" s="103"/>
      <c r="S58" s="103"/>
      <c r="T58" s="102"/>
      <c r="U58" s="103"/>
      <c r="V58" s="103"/>
      <c r="W58" s="102"/>
      <c r="X58" s="156"/>
      <c r="Y58" s="156"/>
      <c r="Z58" s="156"/>
      <c r="AA58" s="156"/>
      <c r="AB58" s="156"/>
      <c r="AC58" s="156"/>
      <c r="AD58" s="156"/>
      <c r="AE58" s="156"/>
      <c r="AF58" s="156"/>
      <c r="AG58" s="102"/>
      <c r="AH58" s="102"/>
      <c r="AI58" s="92"/>
      <c r="AJ58" s="92"/>
      <c r="AK58" s="92"/>
      <c r="AL58" s="92"/>
      <c r="AM58" s="92"/>
      <c r="AN58" s="92"/>
      <c r="AO58" s="92"/>
      <c r="AP58" s="92"/>
    </row>
    <row r="59" spans="1:42" ht="15.75" customHeight="1" x14ac:dyDescent="0.15">
      <c r="A59" s="452" t="s">
        <v>55</v>
      </c>
      <c r="B59" s="453"/>
      <c r="C59" s="453"/>
      <c r="D59" s="454"/>
      <c r="E59" s="437" t="s">
        <v>56</v>
      </c>
      <c r="F59" s="438"/>
      <c r="G59" s="438"/>
      <c r="H59" s="439"/>
      <c r="I59" s="458" t="s">
        <v>57</v>
      </c>
      <c r="J59" s="459"/>
      <c r="K59" s="459"/>
      <c r="L59" s="459"/>
      <c r="M59" s="459"/>
      <c r="N59" s="459"/>
      <c r="O59" s="459"/>
      <c r="P59" s="459"/>
      <c r="Q59" s="459"/>
      <c r="R59" s="459"/>
      <c r="S59" s="459"/>
      <c r="T59" s="459"/>
      <c r="U59" s="459"/>
      <c r="V59" s="459"/>
      <c r="W59" s="459"/>
      <c r="X59" s="459"/>
      <c r="Y59" s="459"/>
      <c r="Z59" s="459"/>
      <c r="AA59" s="459"/>
      <c r="AB59" s="459"/>
      <c r="AC59" s="459"/>
      <c r="AD59" s="459"/>
      <c r="AE59" s="133"/>
      <c r="AF59" s="133"/>
      <c r="AG59" s="133" t="s">
        <v>58</v>
      </c>
      <c r="AH59" s="452" t="s">
        <v>59</v>
      </c>
      <c r="AI59" s="453"/>
      <c r="AJ59" s="453"/>
      <c r="AK59" s="453"/>
      <c r="AL59" s="453"/>
      <c r="AM59" s="454"/>
      <c r="AN59" s="441" t="s">
        <v>839</v>
      </c>
      <c r="AO59" s="453"/>
      <c r="AP59" s="454"/>
    </row>
    <row r="60" spans="1:42" ht="15.75" customHeight="1" x14ac:dyDescent="0.15">
      <c r="A60" s="455"/>
      <c r="B60" s="456"/>
      <c r="C60" s="456"/>
      <c r="D60" s="457"/>
      <c r="E60" s="461" t="s">
        <v>61</v>
      </c>
      <c r="F60" s="462"/>
      <c r="G60" s="462"/>
      <c r="H60" s="463"/>
      <c r="I60" s="464" t="s">
        <v>61</v>
      </c>
      <c r="J60" s="465"/>
      <c r="K60" s="465"/>
      <c r="L60" s="466"/>
      <c r="M60" s="458" t="s">
        <v>60</v>
      </c>
      <c r="N60" s="459"/>
      <c r="O60" s="459"/>
      <c r="P60" s="459"/>
      <c r="Q60" s="459"/>
      <c r="R60" s="459"/>
      <c r="S60" s="459"/>
      <c r="T60" s="459"/>
      <c r="U60" s="459"/>
      <c r="V60" s="459"/>
      <c r="W60" s="459"/>
      <c r="X60" s="459"/>
      <c r="Y60" s="459"/>
      <c r="Z60" s="459"/>
      <c r="AA60" s="459"/>
      <c r="AB60" s="459"/>
      <c r="AC60" s="459"/>
      <c r="AD60" s="459"/>
      <c r="AE60" s="459"/>
      <c r="AF60" s="459"/>
      <c r="AG60" s="459"/>
      <c r="AH60" s="455"/>
      <c r="AI60" s="456"/>
      <c r="AJ60" s="456"/>
      <c r="AK60" s="456"/>
      <c r="AL60" s="456"/>
      <c r="AM60" s="457"/>
      <c r="AN60" s="456"/>
      <c r="AO60" s="456"/>
      <c r="AP60" s="457"/>
    </row>
    <row r="61" spans="1:42" ht="15.75" customHeight="1" x14ac:dyDescent="0.15">
      <c r="A61" s="482" t="s">
        <v>181</v>
      </c>
      <c r="B61" s="483"/>
      <c r="C61" s="483"/>
      <c r="D61" s="484"/>
      <c r="E61" s="437" t="s">
        <v>182</v>
      </c>
      <c r="F61" s="438"/>
      <c r="G61" s="438"/>
      <c r="H61" s="439"/>
      <c r="I61" s="437" t="s">
        <v>183</v>
      </c>
      <c r="J61" s="438"/>
      <c r="K61" s="438"/>
      <c r="L61" s="439"/>
      <c r="M61" s="140" t="s">
        <v>7</v>
      </c>
      <c r="N61" s="98" t="s">
        <v>184</v>
      </c>
      <c r="O61" s="98"/>
      <c r="P61" s="207"/>
      <c r="Q61" s="98"/>
      <c r="R61" s="98"/>
      <c r="S61" s="98"/>
      <c r="T61" s="98"/>
      <c r="U61" s="98"/>
      <c r="V61" s="98"/>
      <c r="W61" s="98"/>
      <c r="X61" s="98"/>
      <c r="Y61" s="98"/>
      <c r="Z61" s="98"/>
      <c r="AA61" s="98"/>
      <c r="AB61" s="98"/>
      <c r="AC61" s="98"/>
      <c r="AD61" s="98"/>
      <c r="AE61" s="98"/>
      <c r="AF61" s="98"/>
      <c r="AG61" s="142"/>
      <c r="AH61" s="138" t="s">
        <v>7</v>
      </c>
      <c r="AI61" s="220" t="s">
        <v>185</v>
      </c>
      <c r="AJ61" s="98"/>
      <c r="AK61" s="98"/>
      <c r="AL61" s="98"/>
      <c r="AM61" s="221"/>
      <c r="AN61" s="141"/>
      <c r="AO61" s="98"/>
      <c r="AP61" s="142"/>
    </row>
    <row r="62" spans="1:42" ht="15.75" customHeight="1" x14ac:dyDescent="0.15">
      <c r="A62" s="222"/>
      <c r="B62" s="223"/>
      <c r="C62" s="223"/>
      <c r="D62" s="224"/>
      <c r="E62" s="494" t="s">
        <v>186</v>
      </c>
      <c r="F62" s="431"/>
      <c r="G62" s="431"/>
      <c r="H62" s="495"/>
      <c r="I62" s="162"/>
      <c r="J62" s="153"/>
      <c r="K62" s="153"/>
      <c r="L62" s="154"/>
      <c r="M62" s="102"/>
      <c r="N62" s="92" t="s">
        <v>187</v>
      </c>
      <c r="O62" s="92"/>
      <c r="P62" s="175"/>
      <c r="Q62" s="92"/>
      <c r="R62" s="92"/>
      <c r="S62" s="92"/>
      <c r="T62" s="92"/>
      <c r="U62" s="92"/>
      <c r="V62" s="92"/>
      <c r="W62" s="92"/>
      <c r="X62" s="92"/>
      <c r="Y62" s="92"/>
      <c r="Z62" s="92"/>
      <c r="AA62" s="92"/>
      <c r="AB62" s="92"/>
      <c r="AC62" s="92"/>
      <c r="AD62" s="92"/>
      <c r="AE62" s="92"/>
      <c r="AF62" s="92"/>
      <c r="AG62" s="145"/>
      <c r="AH62" s="146" t="s">
        <v>7</v>
      </c>
      <c r="AI62" s="225" t="s">
        <v>188</v>
      </c>
      <c r="AJ62" s="183"/>
      <c r="AK62" s="183"/>
      <c r="AL62" s="183"/>
      <c r="AM62" s="183"/>
      <c r="AN62" s="148"/>
      <c r="AO62" s="92"/>
      <c r="AP62" s="145"/>
    </row>
    <row r="63" spans="1:42" ht="15.75" customHeight="1" x14ac:dyDescent="0.15">
      <c r="A63" s="146" t="s">
        <v>7</v>
      </c>
      <c r="B63" s="591" t="s">
        <v>667</v>
      </c>
      <c r="C63" s="591"/>
      <c r="D63" s="592"/>
      <c r="E63" s="449" t="s">
        <v>189</v>
      </c>
      <c r="F63" s="450"/>
      <c r="G63" s="450"/>
      <c r="H63" s="451"/>
      <c r="I63" s="162"/>
      <c r="J63" s="153"/>
      <c r="K63" s="153"/>
      <c r="L63" s="154"/>
      <c r="M63" s="102"/>
      <c r="N63" s="151" t="s">
        <v>7</v>
      </c>
      <c r="O63" s="226" t="s">
        <v>190</v>
      </c>
      <c r="P63" s="92"/>
      <c r="Q63" s="102"/>
      <c r="R63" s="176"/>
      <c r="S63" s="176"/>
      <c r="T63" s="176"/>
      <c r="U63" s="92"/>
      <c r="V63" s="92"/>
      <c r="W63" s="92"/>
      <c r="X63" s="92"/>
      <c r="Y63" s="92"/>
      <c r="Z63" s="92"/>
      <c r="AA63" s="92"/>
      <c r="AB63" s="92"/>
      <c r="AC63" s="92"/>
      <c r="AD63" s="92"/>
      <c r="AE63" s="92"/>
      <c r="AF63" s="92"/>
      <c r="AG63" s="145"/>
      <c r="AH63" s="146"/>
      <c r="AI63" s="92"/>
      <c r="AJ63" s="92"/>
      <c r="AK63" s="92"/>
      <c r="AL63" s="92"/>
      <c r="AM63" s="124"/>
      <c r="AN63" s="148"/>
      <c r="AO63" s="92"/>
      <c r="AP63" s="145"/>
    </row>
    <row r="64" spans="1:42" ht="15.75" customHeight="1" x14ac:dyDescent="0.15">
      <c r="A64" s="222"/>
      <c r="B64" s="591"/>
      <c r="C64" s="591"/>
      <c r="D64" s="592"/>
      <c r="E64" s="155"/>
      <c r="F64" s="102"/>
      <c r="G64" s="102"/>
      <c r="H64" s="152"/>
      <c r="I64" s="162"/>
      <c r="J64" s="153"/>
      <c r="K64" s="153"/>
      <c r="L64" s="154"/>
      <c r="M64" s="102"/>
      <c r="N64" s="151" t="s">
        <v>7</v>
      </c>
      <c r="O64" s="92" t="s">
        <v>191</v>
      </c>
      <c r="P64" s="176"/>
      <c r="Q64" s="176"/>
      <c r="R64" s="176"/>
      <c r="S64" s="176"/>
      <c r="T64" s="176"/>
      <c r="U64" s="92"/>
      <c r="V64" s="92"/>
      <c r="W64" s="92"/>
      <c r="X64" s="92"/>
      <c r="Y64" s="92"/>
      <c r="Z64" s="92"/>
      <c r="AA64" s="92"/>
      <c r="AB64" s="92"/>
      <c r="AC64" s="92"/>
      <c r="AD64" s="92"/>
      <c r="AE64" s="92"/>
      <c r="AF64" s="92"/>
      <c r="AG64" s="145"/>
      <c r="AH64" s="146"/>
      <c r="AI64" s="92"/>
      <c r="AJ64" s="92"/>
      <c r="AK64" s="92"/>
      <c r="AL64" s="92"/>
      <c r="AM64" s="124"/>
      <c r="AN64" s="148"/>
      <c r="AO64" s="92"/>
      <c r="AP64" s="145"/>
    </row>
    <row r="65" spans="1:42" ht="15.75" customHeight="1" x14ac:dyDescent="0.15">
      <c r="A65" s="222"/>
      <c r="B65" s="591"/>
      <c r="C65" s="591"/>
      <c r="D65" s="592"/>
      <c r="E65" s="155"/>
      <c r="F65" s="102"/>
      <c r="G65" s="102"/>
      <c r="H65" s="152"/>
      <c r="I65" s="162"/>
      <c r="J65" s="153"/>
      <c r="K65" s="153"/>
      <c r="L65" s="154"/>
      <c r="M65" s="102"/>
      <c r="N65" s="151" t="s">
        <v>7</v>
      </c>
      <c r="O65" s="92" t="s">
        <v>192</v>
      </c>
      <c r="P65" s="176"/>
      <c r="Q65" s="176"/>
      <c r="R65" s="176"/>
      <c r="S65" s="176"/>
      <c r="T65" s="176"/>
      <c r="U65" s="92" t="s">
        <v>25</v>
      </c>
      <c r="V65" s="92"/>
      <c r="W65" s="92"/>
      <c r="X65" s="92"/>
      <c r="Y65" s="92"/>
      <c r="Z65" s="92"/>
      <c r="AA65" s="92"/>
      <c r="AB65" s="92"/>
      <c r="AC65" s="92"/>
      <c r="AD65" s="92" t="s">
        <v>193</v>
      </c>
      <c r="AE65" s="92"/>
      <c r="AF65" s="92"/>
      <c r="AG65" s="145"/>
      <c r="AH65" s="146"/>
      <c r="AI65" s="92"/>
      <c r="AJ65" s="92"/>
      <c r="AK65" s="92"/>
      <c r="AL65" s="92"/>
      <c r="AM65" s="124"/>
      <c r="AN65" s="148"/>
      <c r="AO65" s="92"/>
      <c r="AP65" s="145"/>
    </row>
    <row r="66" spans="1:42" ht="15.75" customHeight="1" x14ac:dyDescent="0.15">
      <c r="A66" s="121"/>
      <c r="B66" s="591"/>
      <c r="C66" s="591"/>
      <c r="D66" s="592"/>
      <c r="E66" s="449"/>
      <c r="F66" s="450"/>
      <c r="G66" s="450"/>
      <c r="H66" s="451"/>
      <c r="I66" s="227"/>
      <c r="J66" s="132"/>
      <c r="K66" s="132"/>
      <c r="L66" s="228"/>
      <c r="M66" s="151" t="s">
        <v>7</v>
      </c>
      <c r="N66" s="92" t="s">
        <v>194</v>
      </c>
      <c r="O66" s="92"/>
      <c r="P66" s="102"/>
      <c r="Q66" s="176"/>
      <c r="R66" s="176"/>
      <c r="S66" s="176"/>
      <c r="T66" s="176"/>
      <c r="U66" s="176"/>
      <c r="V66" s="176"/>
      <c r="X66" s="176"/>
      <c r="Y66" s="176"/>
      <c r="Z66" s="176"/>
      <c r="AA66" s="176"/>
      <c r="AB66" s="176"/>
      <c r="AC66" s="176"/>
      <c r="AD66" s="92"/>
      <c r="AE66" s="92"/>
      <c r="AF66" s="92"/>
      <c r="AG66" s="145"/>
      <c r="AH66" s="155"/>
      <c r="AI66" s="182"/>
      <c r="AJ66" s="182"/>
      <c r="AK66" s="182"/>
      <c r="AL66" s="182"/>
      <c r="AM66" s="124"/>
      <c r="AN66" s="148"/>
      <c r="AO66" s="92"/>
      <c r="AP66" s="145"/>
    </row>
    <row r="67" spans="1:42" ht="15.75" customHeight="1" x14ac:dyDescent="0.15">
      <c r="A67" s="149"/>
      <c r="B67" s="591"/>
      <c r="C67" s="591"/>
      <c r="D67" s="592"/>
      <c r="I67" s="229"/>
      <c r="J67" s="230"/>
      <c r="K67" s="230"/>
      <c r="L67" s="231"/>
      <c r="M67" s="151" t="s">
        <v>7</v>
      </c>
      <c r="N67" s="92" t="s">
        <v>195</v>
      </c>
      <c r="O67" s="92"/>
      <c r="P67" s="92"/>
      <c r="Q67" s="175"/>
      <c r="R67" s="92"/>
      <c r="S67" s="92"/>
      <c r="T67" s="92"/>
      <c r="U67" s="92"/>
      <c r="V67" s="92"/>
      <c r="W67" s="92"/>
      <c r="X67" s="92"/>
      <c r="Y67" s="92"/>
      <c r="Z67" s="92"/>
      <c r="AA67" s="102"/>
      <c r="AB67" s="102"/>
      <c r="AC67" s="176"/>
      <c r="AD67" s="102"/>
      <c r="AE67" s="102"/>
      <c r="AF67" s="102"/>
      <c r="AH67" s="155"/>
      <c r="AI67" s="156"/>
      <c r="AJ67" s="92"/>
      <c r="AK67" s="92"/>
      <c r="AL67" s="92"/>
      <c r="AM67" s="124"/>
      <c r="AN67" s="148"/>
      <c r="AO67" s="92"/>
      <c r="AP67" s="145"/>
    </row>
    <row r="68" spans="1:42" ht="15.75" customHeight="1" x14ac:dyDescent="0.15">
      <c r="A68" s="149"/>
      <c r="B68" s="232"/>
      <c r="C68" s="232"/>
      <c r="D68" s="233"/>
      <c r="E68" s="148"/>
      <c r="F68" s="92"/>
      <c r="G68" s="92"/>
      <c r="H68" s="145"/>
      <c r="I68" s="227"/>
      <c r="J68" s="132"/>
      <c r="K68" s="132"/>
      <c r="L68" s="228"/>
      <c r="M68" s="92"/>
      <c r="N68" s="151" t="s">
        <v>7</v>
      </c>
      <c r="O68" s="92" t="s">
        <v>196</v>
      </c>
      <c r="P68" s="103"/>
      <c r="Q68" s="92"/>
      <c r="R68" s="102"/>
      <c r="S68" s="103"/>
      <c r="T68" s="103"/>
      <c r="U68" s="102"/>
      <c r="V68" s="103"/>
      <c r="W68" s="103"/>
      <c r="X68" s="102"/>
      <c r="Y68" s="176"/>
      <c r="Z68" s="176"/>
      <c r="AA68" s="176"/>
      <c r="AB68" s="176"/>
      <c r="AC68" s="102"/>
      <c r="AD68" s="92"/>
      <c r="AE68" s="92"/>
      <c r="AF68" s="92"/>
      <c r="AH68" s="148"/>
      <c r="AI68" s="92"/>
      <c r="AJ68" s="92"/>
      <c r="AK68" s="92"/>
      <c r="AL68" s="92"/>
      <c r="AM68" s="124"/>
      <c r="AN68" s="148"/>
      <c r="AO68" s="92"/>
      <c r="AP68" s="145"/>
    </row>
    <row r="69" spans="1:42" ht="15.75" customHeight="1" x14ac:dyDescent="0.15">
      <c r="A69" s="149"/>
      <c r="B69" s="232"/>
      <c r="C69" s="232"/>
      <c r="D69" s="233"/>
      <c r="E69" s="148"/>
      <c r="F69" s="92"/>
      <c r="G69" s="92"/>
      <c r="H69" s="145"/>
      <c r="I69" s="227"/>
      <c r="J69" s="132"/>
      <c r="K69" s="132"/>
      <c r="L69" s="228"/>
      <c r="M69" s="92"/>
      <c r="N69" s="102" t="s">
        <v>66</v>
      </c>
      <c r="O69" s="103" t="s">
        <v>197</v>
      </c>
      <c r="P69" s="103"/>
      <c r="Q69" s="103"/>
      <c r="R69" s="103"/>
      <c r="S69" s="103"/>
      <c r="T69" s="103"/>
      <c r="U69" s="102"/>
      <c r="V69" s="103"/>
      <c r="W69" s="103"/>
      <c r="X69" s="102"/>
      <c r="Y69" s="176"/>
      <c r="Z69" s="176"/>
      <c r="AA69" s="176"/>
      <c r="AB69" s="176"/>
      <c r="AC69" s="176"/>
      <c r="AD69" s="92"/>
      <c r="AE69" s="92"/>
      <c r="AF69" s="92"/>
      <c r="AH69" s="155"/>
      <c r="AI69" s="92"/>
      <c r="AJ69" s="92"/>
      <c r="AK69" s="92"/>
      <c r="AL69" s="92"/>
      <c r="AM69" s="124"/>
      <c r="AN69" s="148"/>
      <c r="AO69" s="92"/>
      <c r="AP69" s="145"/>
    </row>
    <row r="70" spans="1:42" ht="15.75" customHeight="1" x14ac:dyDescent="0.15">
      <c r="A70" s="162"/>
      <c r="B70" s="232"/>
      <c r="C70" s="232"/>
      <c r="D70" s="233"/>
      <c r="E70" s="148"/>
      <c r="F70" s="92"/>
      <c r="G70" s="92"/>
      <c r="H70" s="145"/>
      <c r="I70" s="227"/>
      <c r="J70" s="132"/>
      <c r="K70" s="132"/>
      <c r="L70" s="228"/>
      <c r="M70" s="92"/>
      <c r="N70" s="102"/>
      <c r="O70" s="151" t="s">
        <v>7</v>
      </c>
      <c r="P70" s="103" t="s">
        <v>198</v>
      </c>
      <c r="Q70" s="92"/>
      <c r="R70" s="102"/>
      <c r="S70" s="103"/>
      <c r="T70" s="103"/>
      <c r="U70" s="102"/>
      <c r="V70" s="103"/>
      <c r="W70" s="103"/>
      <c r="X70" s="102"/>
      <c r="Y70" s="176"/>
      <c r="Z70" s="176"/>
      <c r="AA70" s="176"/>
      <c r="AB70" s="176"/>
      <c r="AC70" s="176"/>
      <c r="AD70" s="92"/>
      <c r="AE70" s="92"/>
      <c r="AF70" s="92"/>
      <c r="AH70" s="155"/>
      <c r="AI70" s="92"/>
      <c r="AJ70" s="92"/>
      <c r="AK70" s="92"/>
      <c r="AL70" s="92"/>
      <c r="AM70" s="92"/>
      <c r="AN70" s="148"/>
      <c r="AO70" s="92"/>
      <c r="AP70" s="145"/>
    </row>
    <row r="71" spans="1:42" ht="15.75" customHeight="1" x14ac:dyDescent="0.15">
      <c r="A71" s="162"/>
      <c r="B71" s="232"/>
      <c r="C71" s="232"/>
      <c r="D71" s="233"/>
      <c r="E71" s="148"/>
      <c r="F71" s="92"/>
      <c r="G71" s="92"/>
      <c r="H71" s="145"/>
      <c r="I71" s="227"/>
      <c r="J71" s="132"/>
      <c r="K71" s="132"/>
      <c r="L71" s="228"/>
      <c r="M71" s="92"/>
      <c r="N71" s="102"/>
      <c r="O71" s="151" t="s">
        <v>7</v>
      </c>
      <c r="P71" s="103" t="s">
        <v>199</v>
      </c>
      <c r="Q71" s="92"/>
      <c r="R71" s="102"/>
      <c r="S71" s="103"/>
      <c r="T71" s="103"/>
      <c r="U71" s="102"/>
      <c r="V71" s="176"/>
      <c r="W71" s="176"/>
      <c r="X71" s="176"/>
      <c r="Y71" s="176"/>
      <c r="Z71" s="92"/>
      <c r="AA71" s="92"/>
      <c r="AB71" s="92"/>
      <c r="AC71" s="176"/>
      <c r="AD71" s="92"/>
      <c r="AE71" s="92"/>
      <c r="AF71" s="92"/>
      <c r="AH71" s="155"/>
      <c r="AI71" s="92"/>
      <c r="AJ71" s="92"/>
      <c r="AK71" s="92"/>
      <c r="AL71" s="92"/>
      <c r="AM71" s="92"/>
      <c r="AN71" s="148"/>
      <c r="AO71" s="92"/>
      <c r="AP71" s="145"/>
    </row>
    <row r="72" spans="1:42" ht="15.75" customHeight="1" x14ac:dyDescent="0.15">
      <c r="A72" s="234"/>
      <c r="B72" s="92"/>
      <c r="C72" s="92"/>
      <c r="D72" s="92"/>
      <c r="E72" s="148"/>
      <c r="F72" s="92"/>
      <c r="G72" s="92"/>
      <c r="H72" s="145"/>
      <c r="I72" s="227"/>
      <c r="J72" s="132"/>
      <c r="K72" s="132"/>
      <c r="L72" s="228"/>
      <c r="M72" s="92"/>
      <c r="N72" s="102"/>
      <c r="O72" s="151" t="s">
        <v>7</v>
      </c>
      <c r="P72" s="103" t="s">
        <v>200</v>
      </c>
      <c r="Q72" s="92"/>
      <c r="R72" s="102"/>
      <c r="S72" s="103"/>
      <c r="T72" s="103"/>
      <c r="U72" s="102"/>
      <c r="V72" s="176"/>
      <c r="W72" s="176"/>
      <c r="X72" s="176"/>
      <c r="Y72" s="176"/>
      <c r="Z72" s="92"/>
      <c r="AA72" s="92"/>
      <c r="AB72" s="92"/>
      <c r="AC72" s="102"/>
      <c r="AD72" s="92"/>
      <c r="AE72" s="92"/>
      <c r="AF72" s="92"/>
      <c r="AH72" s="155"/>
      <c r="AI72" s="92"/>
      <c r="AJ72" s="92"/>
      <c r="AK72" s="92"/>
      <c r="AL72" s="92"/>
      <c r="AM72" s="92"/>
      <c r="AN72" s="148"/>
      <c r="AO72" s="92"/>
      <c r="AP72" s="145"/>
    </row>
    <row r="73" spans="1:42" ht="15.75" customHeight="1" x14ac:dyDescent="0.15">
      <c r="A73" s="234"/>
      <c r="B73" s="92"/>
      <c r="C73" s="92"/>
      <c r="D73" s="92"/>
      <c r="E73" s="148"/>
      <c r="F73" s="92"/>
      <c r="G73" s="92"/>
      <c r="H73" s="145"/>
      <c r="I73" s="227"/>
      <c r="J73" s="132"/>
      <c r="K73" s="132"/>
      <c r="L73" s="228"/>
      <c r="M73" s="92"/>
      <c r="N73" s="102" t="s">
        <v>66</v>
      </c>
      <c r="O73" s="92" t="s">
        <v>201</v>
      </c>
      <c r="P73" s="92"/>
      <c r="Q73" s="92"/>
      <c r="R73" s="92"/>
      <c r="S73" s="92"/>
      <c r="T73" s="92"/>
      <c r="U73" s="102"/>
      <c r="V73" s="103"/>
      <c r="W73" s="103"/>
      <c r="X73" s="102"/>
      <c r="Y73" s="176"/>
      <c r="Z73" s="92"/>
      <c r="AA73" s="92"/>
      <c r="AB73" s="92"/>
      <c r="AC73" s="102"/>
      <c r="AD73" s="92"/>
      <c r="AE73" s="92"/>
      <c r="AF73" s="92"/>
      <c r="AH73" s="155"/>
      <c r="AI73" s="92"/>
      <c r="AJ73" s="92"/>
      <c r="AK73" s="92"/>
      <c r="AL73" s="92"/>
      <c r="AM73" s="92"/>
      <c r="AN73" s="148"/>
      <c r="AO73" s="92"/>
      <c r="AP73" s="145"/>
    </row>
    <row r="74" spans="1:42" ht="15.75" customHeight="1" x14ac:dyDescent="0.15">
      <c r="A74" s="234"/>
      <c r="B74" s="92"/>
      <c r="C74" s="92"/>
      <c r="D74" s="92"/>
      <c r="E74" s="148"/>
      <c r="F74" s="92"/>
      <c r="G74" s="92"/>
      <c r="H74" s="145"/>
      <c r="I74" s="227"/>
      <c r="J74" s="132"/>
      <c r="K74" s="132"/>
      <c r="L74" s="228"/>
      <c r="M74" s="92"/>
      <c r="N74" s="102"/>
      <c r="O74" s="151" t="s">
        <v>7</v>
      </c>
      <c r="P74" s="103" t="s">
        <v>202</v>
      </c>
      <c r="Q74" s="92"/>
      <c r="R74" s="102"/>
      <c r="S74" s="103"/>
      <c r="T74" s="103"/>
      <c r="U74" s="102"/>
      <c r="V74" s="103"/>
      <c r="W74" s="103"/>
      <c r="X74" s="102"/>
      <c r="Y74" s="176"/>
      <c r="Z74" s="92"/>
      <c r="AA74" s="92"/>
      <c r="AB74" s="92"/>
      <c r="AC74" s="102"/>
      <c r="AD74" s="92"/>
      <c r="AE74" s="92"/>
      <c r="AF74" s="92"/>
      <c r="AH74" s="155"/>
      <c r="AI74" s="92"/>
      <c r="AJ74" s="92"/>
      <c r="AK74" s="92"/>
      <c r="AL74" s="92"/>
      <c r="AM74" s="92"/>
      <c r="AN74" s="148"/>
      <c r="AO74" s="92"/>
      <c r="AP74" s="145"/>
    </row>
    <row r="75" spans="1:42" ht="15.75" customHeight="1" x14ac:dyDescent="0.15">
      <c r="A75" s="234"/>
      <c r="B75" s="92"/>
      <c r="C75" s="92"/>
      <c r="D75" s="92"/>
      <c r="E75" s="169"/>
      <c r="F75" s="105"/>
      <c r="G75" s="105"/>
      <c r="H75" s="170"/>
      <c r="I75" s="235"/>
      <c r="J75" s="117"/>
      <c r="K75" s="117"/>
      <c r="L75" s="236"/>
      <c r="M75" s="105"/>
      <c r="N75" s="96"/>
      <c r="O75" s="126" t="s">
        <v>7</v>
      </c>
      <c r="P75" s="97" t="s">
        <v>203</v>
      </c>
      <c r="Q75" s="105"/>
      <c r="R75" s="96"/>
      <c r="S75" s="97"/>
      <c r="T75" s="97"/>
      <c r="U75" s="96"/>
      <c r="V75" s="237"/>
      <c r="W75" s="237"/>
      <c r="X75" s="237"/>
      <c r="Y75" s="237"/>
      <c r="Z75" s="105"/>
      <c r="AA75" s="105"/>
      <c r="AB75" s="105"/>
      <c r="AC75" s="96"/>
      <c r="AD75" s="105"/>
      <c r="AE75" s="105"/>
      <c r="AF75" s="105"/>
      <c r="AG75" s="106"/>
      <c r="AH75" s="212"/>
      <c r="AI75" s="105"/>
      <c r="AJ75" s="105"/>
      <c r="AK75" s="105"/>
      <c r="AL75" s="105"/>
      <c r="AM75" s="105"/>
      <c r="AN75" s="169"/>
      <c r="AO75" s="105"/>
      <c r="AP75" s="170"/>
    </row>
    <row r="76" spans="1:42" ht="15.75" customHeight="1" x14ac:dyDescent="0.15">
      <c r="A76" s="234"/>
      <c r="E76" s="486" t="s">
        <v>204</v>
      </c>
      <c r="F76" s="487"/>
      <c r="G76" s="487"/>
      <c r="H76" s="488"/>
      <c r="I76" s="449" t="s">
        <v>205</v>
      </c>
      <c r="J76" s="450"/>
      <c r="K76" s="450"/>
      <c r="L76" s="451"/>
      <c r="M76" s="494" t="s">
        <v>206</v>
      </c>
      <c r="N76" s="431"/>
      <c r="O76" s="194" t="s">
        <v>25</v>
      </c>
      <c r="P76" s="480"/>
      <c r="Q76" s="480"/>
      <c r="R76" s="480"/>
      <c r="S76" s="480"/>
      <c r="T76" s="194" t="s">
        <v>26</v>
      </c>
      <c r="U76" s="156"/>
      <c r="V76" s="156"/>
      <c r="W76" s="489" t="s">
        <v>207</v>
      </c>
      <c r="X76" s="489"/>
      <c r="Y76" s="102" t="s">
        <v>25</v>
      </c>
      <c r="Z76" s="431"/>
      <c r="AA76" s="431"/>
      <c r="AB76" s="431"/>
      <c r="AC76" s="431"/>
      <c r="AD76" s="102" t="s">
        <v>26</v>
      </c>
      <c r="AE76" s="102"/>
      <c r="AF76" s="102"/>
      <c r="AG76" s="145"/>
      <c r="AH76" s="146" t="s">
        <v>7</v>
      </c>
      <c r="AI76" s="92" t="s">
        <v>208</v>
      </c>
      <c r="AJ76" s="92"/>
      <c r="AK76" s="92"/>
      <c r="AL76" s="92"/>
      <c r="AM76" s="140"/>
      <c r="AN76" s="148"/>
      <c r="AO76" s="92"/>
      <c r="AP76" s="145"/>
    </row>
    <row r="77" spans="1:42" ht="15.75" customHeight="1" x14ac:dyDescent="0.15">
      <c r="A77" s="234"/>
      <c r="E77" s="227"/>
      <c r="F77" s="132"/>
      <c r="G77" s="132"/>
      <c r="H77" s="228"/>
      <c r="I77" s="461" t="s">
        <v>209</v>
      </c>
      <c r="J77" s="462"/>
      <c r="K77" s="462"/>
      <c r="L77" s="463"/>
      <c r="M77" s="455" t="s">
        <v>206</v>
      </c>
      <c r="N77" s="456"/>
      <c r="O77" s="190" t="s">
        <v>25</v>
      </c>
      <c r="P77" s="471"/>
      <c r="Q77" s="471"/>
      <c r="R77" s="471"/>
      <c r="S77" s="471"/>
      <c r="T77" s="190" t="s">
        <v>26</v>
      </c>
      <c r="U77" s="238"/>
      <c r="V77" s="238"/>
      <c r="W77" s="490" t="s">
        <v>207</v>
      </c>
      <c r="X77" s="490"/>
      <c r="Y77" s="96" t="s">
        <v>25</v>
      </c>
      <c r="Z77" s="456"/>
      <c r="AA77" s="456"/>
      <c r="AB77" s="456"/>
      <c r="AC77" s="456"/>
      <c r="AD77" s="96" t="s">
        <v>26</v>
      </c>
      <c r="AE77" s="96"/>
      <c r="AF77" s="96"/>
      <c r="AG77" s="170"/>
      <c r="AH77" s="146" t="s">
        <v>7</v>
      </c>
      <c r="AI77" s="92" t="s">
        <v>210</v>
      </c>
      <c r="AJ77" s="92"/>
      <c r="AK77" s="92"/>
      <c r="AL77" s="92"/>
      <c r="AM77" s="151"/>
      <c r="AN77" s="148"/>
      <c r="AO77" s="92"/>
      <c r="AP77" s="145"/>
    </row>
    <row r="78" spans="1:42" ht="15.75" customHeight="1" x14ac:dyDescent="0.15">
      <c r="A78" s="234"/>
      <c r="E78" s="227"/>
      <c r="F78" s="132"/>
      <c r="G78" s="132"/>
      <c r="H78" s="228"/>
      <c r="I78" s="437" t="s">
        <v>211</v>
      </c>
      <c r="J78" s="438"/>
      <c r="K78" s="438"/>
      <c r="L78" s="439"/>
      <c r="M78" s="452" t="s">
        <v>206</v>
      </c>
      <c r="N78" s="453"/>
      <c r="O78" s="239" t="s">
        <v>25</v>
      </c>
      <c r="P78" s="485"/>
      <c r="Q78" s="485"/>
      <c r="R78" s="485"/>
      <c r="S78" s="485"/>
      <c r="T78" s="239" t="s">
        <v>26</v>
      </c>
      <c r="U78" s="240"/>
      <c r="V78" s="240"/>
      <c r="W78" s="593" t="s">
        <v>207</v>
      </c>
      <c r="X78" s="593"/>
      <c r="Y78" s="206" t="s">
        <v>25</v>
      </c>
      <c r="Z78" s="453"/>
      <c r="AA78" s="453"/>
      <c r="AB78" s="453"/>
      <c r="AC78" s="453"/>
      <c r="AD78" s="206" t="s">
        <v>26</v>
      </c>
      <c r="AE78" s="102"/>
      <c r="AF78" s="102"/>
      <c r="AG78" s="145"/>
      <c r="AH78" s="146" t="s">
        <v>7</v>
      </c>
      <c r="AI78" s="92" t="s">
        <v>69</v>
      </c>
      <c r="AJ78" s="92"/>
      <c r="AK78" s="92"/>
      <c r="AL78" s="92"/>
      <c r="AM78" s="92"/>
      <c r="AN78" s="148"/>
      <c r="AO78" s="92"/>
      <c r="AP78" s="145"/>
    </row>
    <row r="79" spans="1:42" ht="15.75" customHeight="1" x14ac:dyDescent="0.15">
      <c r="A79" s="234"/>
      <c r="E79" s="227"/>
      <c r="F79" s="132"/>
      <c r="G79" s="132"/>
      <c r="H79" s="228"/>
      <c r="I79" s="169"/>
      <c r="J79" s="105"/>
      <c r="K79" s="105"/>
      <c r="L79" s="170"/>
      <c r="M79" s="455" t="s">
        <v>212</v>
      </c>
      <c r="N79" s="456"/>
      <c r="O79" s="190" t="s">
        <v>25</v>
      </c>
      <c r="P79" s="471"/>
      <c r="Q79" s="471"/>
      <c r="R79" s="471"/>
      <c r="S79" s="471"/>
      <c r="T79" s="190" t="s">
        <v>26</v>
      </c>
      <c r="U79" s="238"/>
      <c r="V79" s="238"/>
      <c r="W79" s="238"/>
      <c r="X79" s="238"/>
      <c r="Y79" s="105"/>
      <c r="Z79" s="105"/>
      <c r="AA79" s="105"/>
      <c r="AB79" s="105"/>
      <c r="AC79" s="105"/>
      <c r="AD79" s="105"/>
      <c r="AE79" s="105"/>
      <c r="AF79" s="105"/>
      <c r="AG79" s="170"/>
      <c r="AH79" s="146" t="s">
        <v>7</v>
      </c>
      <c r="AI79" s="156"/>
      <c r="AJ79" s="92"/>
      <c r="AK79" s="92"/>
      <c r="AL79" s="92"/>
      <c r="AM79" s="151"/>
      <c r="AN79" s="148"/>
      <c r="AO79" s="92"/>
      <c r="AP79" s="145"/>
    </row>
    <row r="80" spans="1:42" ht="15.75" customHeight="1" x14ac:dyDescent="0.15">
      <c r="A80" s="234"/>
      <c r="E80" s="227"/>
      <c r="F80" s="132"/>
      <c r="G80" s="132"/>
      <c r="H80" s="228"/>
      <c r="I80" s="437" t="s">
        <v>213</v>
      </c>
      <c r="J80" s="438"/>
      <c r="K80" s="438"/>
      <c r="L80" s="439"/>
      <c r="M80" s="452" t="s">
        <v>206</v>
      </c>
      <c r="N80" s="453"/>
      <c r="O80" s="239" t="s">
        <v>25</v>
      </c>
      <c r="P80" s="485"/>
      <c r="Q80" s="485"/>
      <c r="R80" s="485"/>
      <c r="S80" s="485"/>
      <c r="T80" s="485"/>
      <c r="U80" s="485"/>
      <c r="V80" s="485"/>
      <c r="W80" s="485"/>
      <c r="X80" s="485"/>
      <c r="Y80" s="485"/>
      <c r="Z80" s="485"/>
      <c r="AA80" s="206" t="s">
        <v>26</v>
      </c>
      <c r="AB80" s="98"/>
      <c r="AC80" s="98"/>
      <c r="AD80" s="206"/>
      <c r="AE80" s="102"/>
      <c r="AF80" s="102"/>
      <c r="AG80" s="145"/>
      <c r="AH80" s="148"/>
      <c r="AI80" s="92"/>
      <c r="AJ80" s="92"/>
      <c r="AK80" s="92"/>
      <c r="AL80" s="92"/>
      <c r="AM80" s="124"/>
      <c r="AN80" s="148"/>
      <c r="AO80" s="92"/>
      <c r="AP80" s="145"/>
    </row>
    <row r="81" spans="1:42" ht="15.75" customHeight="1" x14ac:dyDescent="0.15">
      <c r="A81" s="234"/>
      <c r="E81" s="227"/>
      <c r="F81" s="132"/>
      <c r="G81" s="132"/>
      <c r="H81" s="228"/>
      <c r="I81" s="148"/>
      <c r="J81" s="92"/>
      <c r="K81" s="92"/>
      <c r="L81" s="145"/>
      <c r="M81" s="494" t="s">
        <v>214</v>
      </c>
      <c r="N81" s="431"/>
      <c r="O81" s="431"/>
      <c r="P81" s="102" t="s">
        <v>25</v>
      </c>
      <c r="Q81" s="480"/>
      <c r="R81" s="480"/>
      <c r="S81" s="480"/>
      <c r="T81" s="480"/>
      <c r="U81" s="156" t="s">
        <v>215</v>
      </c>
      <c r="V81" s="156"/>
      <c r="W81" s="489" t="s">
        <v>216</v>
      </c>
      <c r="X81" s="489"/>
      <c r="Y81" s="102" t="s">
        <v>25</v>
      </c>
      <c r="Z81" s="431"/>
      <c r="AA81" s="431"/>
      <c r="AB81" s="102" t="s">
        <v>26</v>
      </c>
      <c r="AC81" s="92"/>
      <c r="AD81" s="92"/>
      <c r="AE81" s="92"/>
      <c r="AF81" s="92"/>
      <c r="AG81" s="145"/>
      <c r="AN81" s="148"/>
      <c r="AO81" s="92"/>
      <c r="AP81" s="145"/>
    </row>
    <row r="82" spans="1:42" ht="15.75" customHeight="1" x14ac:dyDescent="0.15">
      <c r="A82" s="234"/>
      <c r="E82" s="235"/>
      <c r="F82" s="117"/>
      <c r="G82" s="117"/>
      <c r="H82" s="236"/>
      <c r="I82" s="169"/>
      <c r="J82" s="105"/>
      <c r="K82" s="105"/>
      <c r="L82" s="170"/>
      <c r="M82" s="556" t="s">
        <v>217</v>
      </c>
      <c r="N82" s="557"/>
      <c r="O82" s="557"/>
      <c r="P82" s="190" t="s">
        <v>25</v>
      </c>
      <c r="Q82" s="471"/>
      <c r="R82" s="471"/>
      <c r="S82" s="471"/>
      <c r="T82" s="190" t="s">
        <v>26</v>
      </c>
      <c r="U82" s="238"/>
      <c r="V82" s="238"/>
      <c r="W82" s="490" t="s">
        <v>218</v>
      </c>
      <c r="X82" s="490"/>
      <c r="Y82" s="96" t="s">
        <v>25</v>
      </c>
      <c r="Z82" s="456"/>
      <c r="AA82" s="456"/>
      <c r="AB82" s="456"/>
      <c r="AC82" s="97" t="s">
        <v>215</v>
      </c>
      <c r="AD82" s="96"/>
      <c r="AE82" s="96"/>
      <c r="AF82" s="96"/>
      <c r="AG82" s="170"/>
      <c r="AH82" s="212"/>
      <c r="AI82" s="105"/>
      <c r="AJ82" s="105"/>
      <c r="AK82" s="105"/>
      <c r="AL82" s="105"/>
      <c r="AM82" s="105"/>
      <c r="AN82" s="169"/>
      <c r="AO82" s="105"/>
      <c r="AP82" s="170"/>
    </row>
    <row r="83" spans="1:42" ht="15.75" customHeight="1" x14ac:dyDescent="0.15">
      <c r="A83" s="234"/>
      <c r="E83" s="486" t="s">
        <v>219</v>
      </c>
      <c r="F83" s="487"/>
      <c r="G83" s="487"/>
      <c r="H83" s="488"/>
      <c r="I83" s="437" t="s">
        <v>220</v>
      </c>
      <c r="J83" s="438"/>
      <c r="K83" s="438"/>
      <c r="L83" s="439"/>
      <c r="M83" s="452" t="s">
        <v>206</v>
      </c>
      <c r="N83" s="453"/>
      <c r="O83" s="239" t="s">
        <v>25</v>
      </c>
      <c r="P83" s="485"/>
      <c r="Q83" s="485"/>
      <c r="R83" s="485"/>
      <c r="S83" s="485"/>
      <c r="T83" s="239" t="s">
        <v>26</v>
      </c>
      <c r="U83" s="240"/>
      <c r="V83" s="240"/>
      <c r="W83" s="593" t="s">
        <v>207</v>
      </c>
      <c r="X83" s="593"/>
      <c r="Y83" s="206" t="s">
        <v>25</v>
      </c>
      <c r="Z83" s="453"/>
      <c r="AA83" s="453"/>
      <c r="AB83" s="453"/>
      <c r="AC83" s="453"/>
      <c r="AD83" s="206" t="s">
        <v>26</v>
      </c>
      <c r="AE83" s="206"/>
      <c r="AF83" s="206"/>
      <c r="AG83" s="142"/>
      <c r="AH83" s="146" t="s">
        <v>7</v>
      </c>
      <c r="AI83" s="98" t="s">
        <v>208</v>
      </c>
      <c r="AJ83" s="98"/>
      <c r="AK83" s="98"/>
      <c r="AL83" s="98"/>
      <c r="AM83" s="151"/>
      <c r="AN83" s="148"/>
      <c r="AO83" s="92"/>
      <c r="AP83" s="145"/>
    </row>
    <row r="84" spans="1:42" ht="15.75" customHeight="1" x14ac:dyDescent="0.15">
      <c r="A84" s="234"/>
      <c r="E84" s="203"/>
      <c r="F84" s="204"/>
      <c r="G84" s="204"/>
      <c r="H84" s="205"/>
      <c r="I84" s="461" t="s">
        <v>221</v>
      </c>
      <c r="J84" s="462"/>
      <c r="K84" s="462"/>
      <c r="L84" s="463"/>
      <c r="M84" s="212"/>
      <c r="N84" s="96"/>
      <c r="O84" s="190"/>
      <c r="P84" s="190"/>
      <c r="Q84" s="190"/>
      <c r="R84" s="190"/>
      <c r="S84" s="190"/>
      <c r="T84" s="190"/>
      <c r="U84" s="238"/>
      <c r="V84" s="238"/>
      <c r="W84" s="241"/>
      <c r="X84" s="241"/>
      <c r="Y84" s="96"/>
      <c r="Z84" s="96"/>
      <c r="AA84" s="96"/>
      <c r="AB84" s="96"/>
      <c r="AC84" s="96"/>
      <c r="AD84" s="96"/>
      <c r="AE84" s="96"/>
      <c r="AF84" s="96"/>
      <c r="AG84" s="170"/>
      <c r="AH84" s="146" t="s">
        <v>7</v>
      </c>
      <c r="AI84" s="92" t="s">
        <v>210</v>
      </c>
      <c r="AJ84" s="92"/>
      <c r="AK84" s="92"/>
      <c r="AL84" s="92"/>
      <c r="AM84" s="151"/>
      <c r="AN84" s="148"/>
      <c r="AO84" s="92"/>
      <c r="AP84" s="145"/>
    </row>
    <row r="85" spans="1:42" ht="15.75" customHeight="1" x14ac:dyDescent="0.15">
      <c r="A85" s="234"/>
      <c r="E85" s="227"/>
      <c r="F85" s="132"/>
      <c r="G85" s="132"/>
      <c r="H85" s="228"/>
      <c r="I85" s="437" t="s">
        <v>213</v>
      </c>
      <c r="J85" s="438"/>
      <c r="K85" s="438"/>
      <c r="L85" s="439"/>
      <c r="M85" s="494" t="s">
        <v>206</v>
      </c>
      <c r="N85" s="431"/>
      <c r="O85" s="194" t="s">
        <v>25</v>
      </c>
      <c r="P85" s="480"/>
      <c r="Q85" s="480"/>
      <c r="R85" s="480"/>
      <c r="S85" s="480"/>
      <c r="T85" s="480"/>
      <c r="U85" s="480"/>
      <c r="V85" s="480"/>
      <c r="W85" s="480"/>
      <c r="X85" s="480"/>
      <c r="Y85" s="480"/>
      <c r="Z85" s="480"/>
      <c r="AA85" s="102" t="s">
        <v>26</v>
      </c>
      <c r="AB85" s="92"/>
      <c r="AC85" s="92"/>
      <c r="AD85" s="102"/>
      <c r="AE85" s="102"/>
      <c r="AF85" s="102"/>
      <c r="AG85" s="145"/>
      <c r="AH85" s="146" t="s">
        <v>7</v>
      </c>
      <c r="AI85" s="92" t="s">
        <v>69</v>
      </c>
      <c r="AJ85" s="92"/>
      <c r="AK85" s="92"/>
      <c r="AL85" s="92"/>
      <c r="AM85" s="92"/>
      <c r="AN85" s="148"/>
      <c r="AO85" s="92"/>
      <c r="AP85" s="145"/>
    </row>
    <row r="86" spans="1:42" ht="15.75" customHeight="1" x14ac:dyDescent="0.15">
      <c r="A86" s="234"/>
      <c r="E86" s="227"/>
      <c r="F86" s="132"/>
      <c r="G86" s="132"/>
      <c r="H86" s="228"/>
      <c r="I86" s="148"/>
      <c r="J86" s="92"/>
      <c r="K86" s="92"/>
      <c r="L86" s="145"/>
      <c r="M86" s="494" t="s">
        <v>214</v>
      </c>
      <c r="N86" s="431"/>
      <c r="O86" s="431"/>
      <c r="P86" s="102" t="s">
        <v>25</v>
      </c>
      <c r="Q86" s="480"/>
      <c r="R86" s="480"/>
      <c r="S86" s="480"/>
      <c r="T86" s="480"/>
      <c r="U86" s="156" t="s">
        <v>215</v>
      </c>
      <c r="V86" s="156"/>
      <c r="W86" s="489" t="s">
        <v>216</v>
      </c>
      <c r="X86" s="489"/>
      <c r="Y86" s="102" t="s">
        <v>25</v>
      </c>
      <c r="Z86" s="431"/>
      <c r="AA86" s="431"/>
      <c r="AB86" s="102" t="s">
        <v>26</v>
      </c>
      <c r="AC86" s="92"/>
      <c r="AD86" s="92"/>
      <c r="AE86" s="92"/>
      <c r="AF86" s="92"/>
      <c r="AG86" s="145"/>
      <c r="AH86" s="146" t="s">
        <v>7</v>
      </c>
      <c r="AI86" s="156"/>
      <c r="AJ86" s="92"/>
      <c r="AK86" s="92"/>
      <c r="AL86" s="92"/>
      <c r="AM86" s="151"/>
      <c r="AN86" s="148"/>
      <c r="AO86" s="92"/>
      <c r="AP86" s="145"/>
    </row>
    <row r="87" spans="1:42" ht="15.75" customHeight="1" x14ac:dyDescent="0.15">
      <c r="A87" s="234"/>
      <c r="E87" s="235"/>
      <c r="F87" s="117"/>
      <c r="G87" s="117"/>
      <c r="H87" s="236"/>
      <c r="I87" s="169"/>
      <c r="J87" s="105"/>
      <c r="K87" s="105"/>
      <c r="L87" s="170"/>
      <c r="M87" s="556" t="s">
        <v>217</v>
      </c>
      <c r="N87" s="557"/>
      <c r="O87" s="557"/>
      <c r="P87" s="190" t="s">
        <v>25</v>
      </c>
      <c r="Q87" s="471"/>
      <c r="R87" s="471"/>
      <c r="S87" s="471"/>
      <c r="T87" s="190" t="s">
        <v>26</v>
      </c>
      <c r="U87" s="238"/>
      <c r="V87" s="238"/>
      <c r="W87" s="490" t="s">
        <v>218</v>
      </c>
      <c r="X87" s="490"/>
      <c r="Y87" s="96" t="s">
        <v>25</v>
      </c>
      <c r="Z87" s="456"/>
      <c r="AA87" s="456"/>
      <c r="AB87" s="456"/>
      <c r="AC87" s="97" t="s">
        <v>215</v>
      </c>
      <c r="AD87" s="96"/>
      <c r="AE87" s="96"/>
      <c r="AF87" s="96"/>
      <c r="AG87" s="170"/>
      <c r="AH87" s="169"/>
      <c r="AI87" s="105"/>
      <c r="AJ87" s="105"/>
      <c r="AK87" s="105"/>
      <c r="AL87" s="105"/>
      <c r="AM87" s="118"/>
      <c r="AN87" s="169"/>
      <c r="AO87" s="105"/>
      <c r="AP87" s="170"/>
    </row>
    <row r="88" spans="1:42" ht="15.75" customHeight="1" x14ac:dyDescent="0.15">
      <c r="A88" s="234"/>
      <c r="E88" s="486" t="s">
        <v>222</v>
      </c>
      <c r="F88" s="487"/>
      <c r="G88" s="487"/>
      <c r="H88" s="488"/>
      <c r="I88" s="437" t="s">
        <v>223</v>
      </c>
      <c r="J88" s="438"/>
      <c r="K88" s="438"/>
      <c r="L88" s="439"/>
      <c r="M88" s="452" t="s">
        <v>206</v>
      </c>
      <c r="N88" s="453"/>
      <c r="O88" s="239" t="s">
        <v>25</v>
      </c>
      <c r="P88" s="485"/>
      <c r="Q88" s="485"/>
      <c r="R88" s="485"/>
      <c r="S88" s="485"/>
      <c r="T88" s="239" t="s">
        <v>26</v>
      </c>
      <c r="U88" s="156"/>
      <c r="V88" s="156"/>
      <c r="W88" s="242"/>
      <c r="X88" s="242"/>
      <c r="Y88" s="102"/>
      <c r="Z88" s="102"/>
      <c r="AA88" s="102"/>
      <c r="AB88" s="102"/>
      <c r="AC88" s="102"/>
      <c r="AD88" s="102"/>
      <c r="AE88" s="102"/>
      <c r="AF88" s="102"/>
      <c r="AG88" s="145"/>
      <c r="AH88" s="146" t="s">
        <v>7</v>
      </c>
      <c r="AI88" s="98" t="s">
        <v>208</v>
      </c>
      <c r="AJ88" s="92"/>
      <c r="AK88" s="92"/>
      <c r="AL88" s="92"/>
      <c r="AM88" s="140"/>
      <c r="AN88" s="148"/>
      <c r="AO88" s="92"/>
      <c r="AP88" s="145"/>
    </row>
    <row r="89" spans="1:42" ht="15.75" customHeight="1" x14ac:dyDescent="0.15">
      <c r="A89" s="234"/>
      <c r="E89" s="227"/>
      <c r="F89" s="132"/>
      <c r="G89" s="132"/>
      <c r="H89" s="228"/>
      <c r="I89" s="148"/>
      <c r="J89" s="92"/>
      <c r="K89" s="92"/>
      <c r="L89" s="145"/>
      <c r="M89" s="155"/>
      <c r="N89" s="431" t="s">
        <v>224</v>
      </c>
      <c r="O89" s="431"/>
      <c r="P89" s="194" t="s">
        <v>25</v>
      </c>
      <c r="Q89" s="480"/>
      <c r="R89" s="480"/>
      <c r="S89" s="480"/>
      <c r="T89" s="194" t="s">
        <v>26</v>
      </c>
      <c r="U89" s="156"/>
      <c r="V89" s="489" t="s">
        <v>225</v>
      </c>
      <c r="W89" s="489"/>
      <c r="X89" s="489"/>
      <c r="Y89" s="102" t="s">
        <v>25</v>
      </c>
      <c r="Z89" s="431"/>
      <c r="AA89" s="431"/>
      <c r="AB89" s="431"/>
      <c r="AC89" s="431"/>
      <c r="AD89" s="102" t="s">
        <v>26</v>
      </c>
      <c r="AE89" s="102"/>
      <c r="AF89" s="102"/>
      <c r="AG89" s="145"/>
      <c r="AH89" s="146" t="s">
        <v>7</v>
      </c>
      <c r="AI89" s="92" t="s">
        <v>210</v>
      </c>
      <c r="AJ89" s="92"/>
      <c r="AK89" s="92"/>
      <c r="AL89" s="92"/>
      <c r="AM89" s="151"/>
      <c r="AN89" s="148"/>
      <c r="AO89" s="92"/>
      <c r="AP89" s="145"/>
    </row>
    <row r="90" spans="1:42" ht="15.75" customHeight="1" x14ac:dyDescent="0.15">
      <c r="A90" s="234"/>
      <c r="E90" s="227"/>
      <c r="F90" s="132"/>
      <c r="G90" s="132"/>
      <c r="H90" s="228"/>
      <c r="I90" s="169"/>
      <c r="J90" s="105"/>
      <c r="K90" s="105"/>
      <c r="L90" s="170"/>
      <c r="M90" s="212"/>
      <c r="N90" s="557" t="s">
        <v>226</v>
      </c>
      <c r="O90" s="557"/>
      <c r="P90" s="557"/>
      <c r="Q90" s="557"/>
      <c r="R90" s="557"/>
      <c r="S90" s="96" t="s">
        <v>144</v>
      </c>
      <c r="T90" s="471"/>
      <c r="U90" s="471"/>
      <c r="V90" s="471"/>
      <c r="W90" s="471"/>
      <c r="X90" s="471"/>
      <c r="Y90" s="471"/>
      <c r="Z90" s="471"/>
      <c r="AA90" s="471"/>
      <c r="AB90" s="96" t="s">
        <v>112</v>
      </c>
      <c r="AC90" s="96"/>
      <c r="AD90" s="96"/>
      <c r="AE90" s="96"/>
      <c r="AF90" s="96"/>
      <c r="AG90" s="170"/>
      <c r="AH90" s="146" t="s">
        <v>7</v>
      </c>
      <c r="AI90" s="92" t="s">
        <v>69</v>
      </c>
      <c r="AJ90" s="92"/>
      <c r="AK90" s="92"/>
      <c r="AL90" s="92"/>
      <c r="AM90" s="92"/>
      <c r="AN90" s="148"/>
      <c r="AO90" s="92"/>
      <c r="AP90" s="145"/>
    </row>
    <row r="91" spans="1:42" ht="15.75" customHeight="1" x14ac:dyDescent="0.15">
      <c r="A91" s="234"/>
      <c r="D91" s="104"/>
      <c r="E91" s="132"/>
      <c r="F91" s="132"/>
      <c r="G91" s="132"/>
      <c r="H91" s="228"/>
      <c r="I91" s="438" t="s">
        <v>227</v>
      </c>
      <c r="J91" s="438"/>
      <c r="K91" s="438"/>
      <c r="L91" s="439"/>
      <c r="M91" s="594" t="s">
        <v>228</v>
      </c>
      <c r="N91" s="595"/>
      <c r="O91" s="595"/>
      <c r="P91" s="595"/>
      <c r="Q91" s="239" t="s">
        <v>25</v>
      </c>
      <c r="R91" s="485"/>
      <c r="S91" s="485"/>
      <c r="T91" s="485"/>
      <c r="U91" s="485"/>
      <c r="V91" s="485"/>
      <c r="W91" s="491"/>
      <c r="X91" s="194" t="s">
        <v>26</v>
      </c>
      <c r="Y91" s="102"/>
      <c r="Z91" s="102"/>
      <c r="AA91" s="102"/>
      <c r="AB91" s="102"/>
      <c r="AC91" s="102"/>
      <c r="AD91" s="102"/>
      <c r="AE91" s="102"/>
      <c r="AF91" s="102"/>
      <c r="AG91" s="145"/>
      <c r="AH91" s="146" t="s">
        <v>7</v>
      </c>
      <c r="AI91" s="156"/>
      <c r="AJ91" s="92"/>
      <c r="AK91" s="92"/>
      <c r="AL91" s="92"/>
      <c r="AM91" s="151"/>
      <c r="AN91" s="148"/>
      <c r="AO91" s="92"/>
      <c r="AP91" s="145"/>
    </row>
    <row r="92" spans="1:42" ht="15.75" customHeight="1" x14ac:dyDescent="0.15">
      <c r="A92" s="234"/>
      <c r="D92" s="104"/>
      <c r="E92" s="132"/>
      <c r="F92" s="132"/>
      <c r="G92" s="132"/>
      <c r="H92" s="228"/>
      <c r="I92" s="148"/>
      <c r="J92" s="92"/>
      <c r="K92" s="92"/>
      <c r="L92" s="145"/>
      <c r="M92" s="494" t="s">
        <v>229</v>
      </c>
      <c r="N92" s="431"/>
      <c r="O92" s="431"/>
      <c r="P92" s="102" t="s">
        <v>25</v>
      </c>
      <c r="Q92" s="480"/>
      <c r="R92" s="480"/>
      <c r="S92" s="480"/>
      <c r="T92" s="480"/>
      <c r="U92" s="156" t="s">
        <v>215</v>
      </c>
      <c r="V92" s="156"/>
      <c r="W92" s="489" t="s">
        <v>230</v>
      </c>
      <c r="X92" s="489"/>
      <c r="Y92" s="102" t="s">
        <v>25</v>
      </c>
      <c r="Z92" s="431"/>
      <c r="AA92" s="431"/>
      <c r="AB92" s="431"/>
      <c r="AC92" s="431"/>
      <c r="AD92" s="102" t="s">
        <v>26</v>
      </c>
      <c r="AE92" s="102"/>
      <c r="AF92" s="102"/>
      <c r="AG92" s="145"/>
      <c r="AH92" s="148"/>
      <c r="AI92" s="92"/>
      <c r="AJ92" s="92"/>
      <c r="AK92" s="92"/>
      <c r="AL92" s="92"/>
      <c r="AM92" s="124"/>
      <c r="AN92" s="148"/>
      <c r="AO92" s="92"/>
      <c r="AP92" s="145"/>
    </row>
    <row r="93" spans="1:42" ht="15.75" customHeight="1" x14ac:dyDescent="0.15">
      <c r="A93" s="234"/>
      <c r="E93" s="227"/>
      <c r="F93" s="132"/>
      <c r="G93" s="132"/>
      <c r="H93" s="228"/>
      <c r="I93" s="169"/>
      <c r="J93" s="105"/>
      <c r="K93" s="105"/>
      <c r="L93" s="170"/>
      <c r="M93" s="556" t="s">
        <v>217</v>
      </c>
      <c r="N93" s="557"/>
      <c r="O93" s="557"/>
      <c r="P93" s="190" t="s">
        <v>25</v>
      </c>
      <c r="Q93" s="471"/>
      <c r="R93" s="471"/>
      <c r="S93" s="471"/>
      <c r="T93" s="190" t="s">
        <v>26</v>
      </c>
      <c r="U93" s="238"/>
      <c r="V93" s="238"/>
      <c r="W93" s="490" t="s">
        <v>218</v>
      </c>
      <c r="X93" s="490"/>
      <c r="Y93" s="96" t="s">
        <v>25</v>
      </c>
      <c r="Z93" s="456"/>
      <c r="AA93" s="456"/>
      <c r="AB93" s="456"/>
      <c r="AC93" s="97" t="s">
        <v>215</v>
      </c>
      <c r="AD93" s="96"/>
      <c r="AE93" s="96"/>
      <c r="AF93" s="96"/>
      <c r="AG93" s="170"/>
      <c r="AM93" s="92"/>
      <c r="AN93" s="148"/>
      <c r="AO93" s="92"/>
      <c r="AP93" s="145"/>
    </row>
    <row r="94" spans="1:42" ht="15.75" customHeight="1" x14ac:dyDescent="0.15">
      <c r="A94" s="234"/>
      <c r="E94" s="227"/>
      <c r="F94" s="132"/>
      <c r="G94" s="132"/>
      <c r="H94" s="228"/>
      <c r="I94" s="437" t="s">
        <v>231</v>
      </c>
      <c r="J94" s="438"/>
      <c r="K94" s="438"/>
      <c r="L94" s="439"/>
      <c r="M94" s="594" t="s">
        <v>228</v>
      </c>
      <c r="N94" s="595"/>
      <c r="O94" s="595"/>
      <c r="P94" s="595"/>
      <c r="Q94" s="239" t="s">
        <v>25</v>
      </c>
      <c r="R94" s="485"/>
      <c r="S94" s="485"/>
      <c r="T94" s="485"/>
      <c r="U94" s="485"/>
      <c r="V94" s="485"/>
      <c r="W94" s="194" t="s">
        <v>26</v>
      </c>
      <c r="X94" s="242"/>
      <c r="Y94" s="102"/>
      <c r="Z94" s="102"/>
      <c r="AA94" s="102"/>
      <c r="AB94" s="102"/>
      <c r="AC94" s="102"/>
      <c r="AD94" s="102"/>
      <c r="AE94" s="102"/>
      <c r="AF94" s="102"/>
      <c r="AG94" s="145"/>
      <c r="AH94" s="155"/>
      <c r="AI94" s="92"/>
      <c r="AJ94" s="92"/>
      <c r="AK94" s="92"/>
      <c r="AL94" s="92"/>
      <c r="AM94" s="92"/>
      <c r="AN94" s="148"/>
      <c r="AO94" s="92"/>
      <c r="AP94" s="145"/>
    </row>
    <row r="95" spans="1:42" ht="15.75" customHeight="1" x14ac:dyDescent="0.15">
      <c r="A95" s="234"/>
      <c r="E95" s="227"/>
      <c r="F95" s="132"/>
      <c r="G95" s="132"/>
      <c r="H95" s="228"/>
      <c r="I95" s="148"/>
      <c r="J95" s="92"/>
      <c r="K95" s="92"/>
      <c r="L95" s="145"/>
      <c r="M95" s="494" t="s">
        <v>229</v>
      </c>
      <c r="N95" s="431"/>
      <c r="O95" s="431"/>
      <c r="P95" s="102" t="s">
        <v>25</v>
      </c>
      <c r="Q95" s="480"/>
      <c r="R95" s="480"/>
      <c r="S95" s="480"/>
      <c r="T95" s="480"/>
      <c r="U95" s="156" t="s">
        <v>215</v>
      </c>
      <c r="V95" s="156"/>
      <c r="W95" s="489" t="s">
        <v>230</v>
      </c>
      <c r="X95" s="489"/>
      <c r="Y95" s="102" t="s">
        <v>25</v>
      </c>
      <c r="Z95" s="431"/>
      <c r="AA95" s="431"/>
      <c r="AB95" s="431"/>
      <c r="AC95" s="431"/>
      <c r="AD95" s="102" t="s">
        <v>26</v>
      </c>
      <c r="AE95" s="102"/>
      <c r="AF95" s="102"/>
      <c r="AG95" s="145"/>
      <c r="AH95" s="155"/>
      <c r="AI95" s="92"/>
      <c r="AJ95" s="92"/>
      <c r="AK95" s="92"/>
      <c r="AL95" s="92"/>
      <c r="AM95" s="92"/>
      <c r="AN95" s="148"/>
      <c r="AO95" s="92"/>
      <c r="AP95" s="145"/>
    </row>
    <row r="96" spans="1:42" ht="15.75" customHeight="1" x14ac:dyDescent="0.15">
      <c r="A96" s="234"/>
      <c r="E96" s="227"/>
      <c r="F96" s="132"/>
      <c r="G96" s="132"/>
      <c r="H96" s="228"/>
      <c r="I96" s="169"/>
      <c r="J96" s="105"/>
      <c r="K96" s="105"/>
      <c r="L96" s="170"/>
      <c r="M96" s="556" t="s">
        <v>217</v>
      </c>
      <c r="N96" s="557"/>
      <c r="O96" s="557"/>
      <c r="P96" s="190" t="s">
        <v>25</v>
      </c>
      <c r="Q96" s="471"/>
      <c r="R96" s="471"/>
      <c r="S96" s="471"/>
      <c r="T96" s="190" t="s">
        <v>26</v>
      </c>
      <c r="U96" s="238"/>
      <c r="V96" s="238"/>
      <c r="W96" s="490" t="s">
        <v>218</v>
      </c>
      <c r="X96" s="490"/>
      <c r="Y96" s="96" t="s">
        <v>25</v>
      </c>
      <c r="Z96" s="456"/>
      <c r="AA96" s="456"/>
      <c r="AB96" s="456"/>
      <c r="AC96" s="97" t="s">
        <v>215</v>
      </c>
      <c r="AD96" s="96"/>
      <c r="AE96" s="96"/>
      <c r="AF96" s="96"/>
      <c r="AG96" s="170"/>
      <c r="AH96" s="155"/>
      <c r="AI96" s="92"/>
      <c r="AJ96" s="92"/>
      <c r="AK96" s="92"/>
      <c r="AL96" s="92"/>
      <c r="AM96" s="92"/>
      <c r="AN96" s="148"/>
      <c r="AO96" s="92"/>
      <c r="AP96" s="145"/>
    </row>
    <row r="97" spans="1:42" ht="15.75" customHeight="1" x14ac:dyDescent="0.15">
      <c r="A97" s="234"/>
      <c r="E97" s="227"/>
      <c r="F97" s="132"/>
      <c r="G97" s="132"/>
      <c r="H97" s="228"/>
      <c r="I97" s="437" t="s">
        <v>232</v>
      </c>
      <c r="J97" s="438"/>
      <c r="K97" s="438"/>
      <c r="L97" s="439"/>
      <c r="M97" s="594" t="s">
        <v>228</v>
      </c>
      <c r="N97" s="595"/>
      <c r="O97" s="595"/>
      <c r="P97" s="595"/>
      <c r="Q97" s="239" t="s">
        <v>25</v>
      </c>
      <c r="R97" s="485"/>
      <c r="S97" s="485"/>
      <c r="T97" s="485"/>
      <c r="U97" s="485"/>
      <c r="V97" s="485"/>
      <c r="W97" s="194" t="s">
        <v>26</v>
      </c>
      <c r="X97" s="242"/>
      <c r="Y97" s="102"/>
      <c r="Z97" s="102"/>
      <c r="AA97" s="102"/>
      <c r="AB97" s="102"/>
      <c r="AC97" s="102"/>
      <c r="AD97" s="102"/>
      <c r="AE97" s="102"/>
      <c r="AF97" s="102"/>
      <c r="AG97" s="145"/>
      <c r="AH97" s="155"/>
      <c r="AI97" s="92"/>
      <c r="AJ97" s="92"/>
      <c r="AK97" s="92"/>
      <c r="AL97" s="92"/>
      <c r="AM97" s="92"/>
      <c r="AN97" s="148"/>
      <c r="AO97" s="92"/>
      <c r="AP97" s="145"/>
    </row>
    <row r="98" spans="1:42" ht="15.75" customHeight="1" x14ac:dyDescent="0.15">
      <c r="A98" s="234"/>
      <c r="E98" s="227"/>
      <c r="F98" s="132"/>
      <c r="G98" s="132"/>
      <c r="H98" s="228"/>
      <c r="I98" s="148"/>
      <c r="J98" s="92"/>
      <c r="K98" s="92"/>
      <c r="L98" s="145"/>
      <c r="M98" s="494" t="s">
        <v>229</v>
      </c>
      <c r="N98" s="431"/>
      <c r="O98" s="431"/>
      <c r="P98" s="102" t="s">
        <v>25</v>
      </c>
      <c r="Q98" s="480"/>
      <c r="R98" s="480"/>
      <c r="S98" s="480"/>
      <c r="T98" s="480"/>
      <c r="U98" s="156" t="s">
        <v>215</v>
      </c>
      <c r="V98" s="156"/>
      <c r="W98" s="489" t="s">
        <v>230</v>
      </c>
      <c r="X98" s="489"/>
      <c r="Y98" s="102" t="s">
        <v>25</v>
      </c>
      <c r="Z98" s="431"/>
      <c r="AA98" s="431"/>
      <c r="AB98" s="431"/>
      <c r="AC98" s="431"/>
      <c r="AD98" s="102" t="s">
        <v>26</v>
      </c>
      <c r="AE98" s="102"/>
      <c r="AF98" s="102"/>
      <c r="AG98" s="145"/>
      <c r="AH98" s="155"/>
      <c r="AI98" s="92"/>
      <c r="AJ98" s="92"/>
      <c r="AK98" s="92"/>
      <c r="AL98" s="92"/>
      <c r="AM98" s="92"/>
      <c r="AN98" s="148"/>
      <c r="AO98" s="92"/>
      <c r="AP98" s="145"/>
    </row>
    <row r="99" spans="1:42" ht="15.75" customHeight="1" x14ac:dyDescent="0.15">
      <c r="A99" s="234"/>
      <c r="E99" s="235"/>
      <c r="F99" s="117"/>
      <c r="G99" s="117"/>
      <c r="H99" s="236"/>
      <c r="I99" s="169"/>
      <c r="J99" s="105"/>
      <c r="K99" s="105"/>
      <c r="L99" s="170"/>
      <c r="M99" s="556" t="s">
        <v>217</v>
      </c>
      <c r="N99" s="557"/>
      <c r="O99" s="557"/>
      <c r="P99" s="190" t="s">
        <v>25</v>
      </c>
      <c r="Q99" s="471"/>
      <c r="R99" s="471"/>
      <c r="S99" s="471"/>
      <c r="T99" s="190" t="s">
        <v>26</v>
      </c>
      <c r="U99" s="238"/>
      <c r="V99" s="238"/>
      <c r="W99" s="490" t="s">
        <v>218</v>
      </c>
      <c r="X99" s="490"/>
      <c r="Y99" s="96" t="s">
        <v>25</v>
      </c>
      <c r="Z99" s="456"/>
      <c r="AA99" s="456"/>
      <c r="AB99" s="456"/>
      <c r="AC99" s="97" t="s">
        <v>215</v>
      </c>
      <c r="AD99" s="96"/>
      <c r="AE99" s="96"/>
      <c r="AF99" s="96"/>
      <c r="AG99" s="170"/>
      <c r="AH99" s="212"/>
      <c r="AI99" s="105"/>
      <c r="AJ99" s="105"/>
      <c r="AK99" s="105"/>
      <c r="AL99" s="105"/>
      <c r="AM99" s="105"/>
      <c r="AN99" s="169"/>
      <c r="AO99" s="105"/>
      <c r="AP99" s="170"/>
    </row>
    <row r="100" spans="1:42" ht="15.75" customHeight="1" x14ac:dyDescent="0.15">
      <c r="A100" s="234"/>
      <c r="E100" s="486" t="s">
        <v>233</v>
      </c>
      <c r="F100" s="487"/>
      <c r="G100" s="487"/>
      <c r="H100" s="488"/>
      <c r="I100" s="464" t="s">
        <v>234</v>
      </c>
      <c r="J100" s="465"/>
      <c r="K100" s="465"/>
      <c r="L100" s="466"/>
      <c r="M100" s="458" t="s">
        <v>235</v>
      </c>
      <c r="N100" s="459"/>
      <c r="O100" s="96" t="s">
        <v>25</v>
      </c>
      <c r="P100" s="492"/>
      <c r="Q100" s="492"/>
      <c r="R100" s="492"/>
      <c r="S100" s="492"/>
      <c r="T100" s="492"/>
      <c r="U100" s="492"/>
      <c r="V100" s="238" t="s">
        <v>26</v>
      </c>
      <c r="W100" s="241"/>
      <c r="X100" s="241"/>
      <c r="Y100" s="96"/>
      <c r="Z100" s="96"/>
      <c r="AA100" s="96"/>
      <c r="AB100" s="96"/>
      <c r="AC100" s="96"/>
      <c r="AD100" s="96"/>
      <c r="AE100" s="96"/>
      <c r="AF100" s="96"/>
      <c r="AG100" s="170"/>
      <c r="AH100" s="146" t="s">
        <v>7</v>
      </c>
      <c r="AI100" s="98" t="s">
        <v>208</v>
      </c>
      <c r="AJ100" s="98"/>
      <c r="AK100" s="98"/>
      <c r="AL100" s="98"/>
      <c r="AM100" s="151"/>
      <c r="AN100" s="148"/>
      <c r="AO100" s="92"/>
      <c r="AP100" s="145"/>
    </row>
    <row r="101" spans="1:42" ht="15.75" customHeight="1" x14ac:dyDescent="0.15">
      <c r="A101" s="234"/>
      <c r="E101" s="227"/>
      <c r="F101" s="132"/>
      <c r="G101" s="132"/>
      <c r="H101" s="228"/>
      <c r="I101" s="486" t="s">
        <v>236</v>
      </c>
      <c r="J101" s="487"/>
      <c r="K101" s="487"/>
      <c r="L101" s="488"/>
      <c r="M101" s="594" t="s">
        <v>228</v>
      </c>
      <c r="N101" s="595"/>
      <c r="O101" s="595"/>
      <c r="P101" s="595"/>
      <c r="Q101" s="239" t="s">
        <v>25</v>
      </c>
      <c r="R101" s="485"/>
      <c r="S101" s="485"/>
      <c r="T101" s="485"/>
      <c r="U101" s="485"/>
      <c r="V101" s="485"/>
      <c r="W101" s="491"/>
      <c r="X101" s="194" t="s">
        <v>26</v>
      </c>
      <c r="Y101" s="102"/>
      <c r="Z101" s="102"/>
      <c r="AA101" s="102"/>
      <c r="AB101" s="102"/>
      <c r="AC101" s="102"/>
      <c r="AD101" s="102"/>
      <c r="AE101" s="102"/>
      <c r="AF101" s="102"/>
      <c r="AG101" s="145"/>
      <c r="AH101" s="146" t="s">
        <v>7</v>
      </c>
      <c r="AI101" s="92" t="s">
        <v>210</v>
      </c>
      <c r="AJ101" s="92"/>
      <c r="AK101" s="92"/>
      <c r="AL101" s="92"/>
      <c r="AM101" s="151"/>
      <c r="AN101" s="148"/>
      <c r="AO101" s="92"/>
      <c r="AP101" s="145"/>
    </row>
    <row r="102" spans="1:42" ht="15.75" customHeight="1" x14ac:dyDescent="0.15">
      <c r="A102" s="234"/>
      <c r="E102" s="227"/>
      <c r="F102" s="132"/>
      <c r="G102" s="132"/>
      <c r="H102" s="228"/>
      <c r="I102" s="148"/>
      <c r="J102" s="92"/>
      <c r="K102" s="92"/>
      <c r="L102" s="145"/>
      <c r="M102" s="494" t="s">
        <v>237</v>
      </c>
      <c r="N102" s="431"/>
      <c r="O102" s="431"/>
      <c r="P102" s="102" t="s">
        <v>25</v>
      </c>
      <c r="Q102" s="480"/>
      <c r="R102" s="480"/>
      <c r="S102" s="480"/>
      <c r="T102" s="480"/>
      <c r="U102" s="156" t="s">
        <v>215</v>
      </c>
      <c r="V102" s="156"/>
      <c r="W102" s="489" t="s">
        <v>230</v>
      </c>
      <c r="X102" s="489"/>
      <c r="Y102" s="102" t="s">
        <v>25</v>
      </c>
      <c r="Z102" s="431"/>
      <c r="AA102" s="431"/>
      <c r="AB102" s="431"/>
      <c r="AC102" s="431"/>
      <c r="AD102" s="102" t="s">
        <v>26</v>
      </c>
      <c r="AE102" s="102"/>
      <c r="AF102" s="102"/>
      <c r="AG102" s="145"/>
      <c r="AH102" s="146" t="s">
        <v>7</v>
      </c>
      <c r="AI102" s="92" t="s">
        <v>69</v>
      </c>
      <c r="AJ102" s="92"/>
      <c r="AK102" s="92"/>
      <c r="AL102" s="92"/>
      <c r="AM102" s="92"/>
      <c r="AN102" s="148"/>
      <c r="AO102" s="92"/>
      <c r="AP102" s="145"/>
    </row>
    <row r="103" spans="1:42" ht="15.75" customHeight="1" x14ac:dyDescent="0.15">
      <c r="A103" s="234"/>
      <c r="E103" s="235"/>
      <c r="F103" s="117"/>
      <c r="G103" s="117"/>
      <c r="H103" s="236"/>
      <c r="I103" s="169"/>
      <c r="J103" s="105"/>
      <c r="K103" s="105"/>
      <c r="L103" s="170"/>
      <c r="M103" s="556" t="s">
        <v>217</v>
      </c>
      <c r="N103" s="557"/>
      <c r="O103" s="557"/>
      <c r="P103" s="190" t="s">
        <v>25</v>
      </c>
      <c r="Q103" s="471"/>
      <c r="R103" s="471"/>
      <c r="S103" s="471"/>
      <c r="T103" s="190" t="s">
        <v>26</v>
      </c>
      <c r="U103" s="238"/>
      <c r="V103" s="238"/>
      <c r="W103" s="490" t="s">
        <v>218</v>
      </c>
      <c r="X103" s="490"/>
      <c r="Y103" s="96" t="s">
        <v>25</v>
      </c>
      <c r="Z103" s="456"/>
      <c r="AA103" s="456"/>
      <c r="AB103" s="456"/>
      <c r="AC103" s="97" t="s">
        <v>215</v>
      </c>
      <c r="AD103" s="96"/>
      <c r="AE103" s="96"/>
      <c r="AF103" s="96"/>
      <c r="AG103" s="170"/>
      <c r="AH103" s="167" t="s">
        <v>7</v>
      </c>
      <c r="AI103" s="105"/>
      <c r="AJ103" s="105"/>
      <c r="AK103" s="105"/>
      <c r="AL103" s="105"/>
      <c r="AM103" s="126"/>
      <c r="AN103" s="169"/>
      <c r="AO103" s="105"/>
      <c r="AP103" s="170"/>
    </row>
    <row r="104" spans="1:42" ht="15.75" customHeight="1" x14ac:dyDescent="0.15">
      <c r="A104" s="234"/>
      <c r="E104" s="486" t="s">
        <v>238</v>
      </c>
      <c r="F104" s="487"/>
      <c r="G104" s="487"/>
      <c r="H104" s="488"/>
      <c r="I104" s="486" t="s">
        <v>239</v>
      </c>
      <c r="J104" s="487"/>
      <c r="K104" s="487"/>
      <c r="L104" s="488"/>
      <c r="M104" s="452" t="s">
        <v>240</v>
      </c>
      <c r="N104" s="453"/>
      <c r="O104" s="453"/>
      <c r="P104" s="453"/>
      <c r="Q104" s="194"/>
      <c r="R104" s="194"/>
      <c r="S104" s="194"/>
      <c r="T104" s="194"/>
      <c r="U104" s="156"/>
      <c r="V104" s="156"/>
      <c r="W104" s="242"/>
      <c r="X104" s="242"/>
      <c r="Y104" s="102"/>
      <c r="Z104" s="102"/>
      <c r="AA104" s="102"/>
      <c r="AB104" s="102"/>
      <c r="AC104" s="102"/>
      <c r="AD104" s="102"/>
      <c r="AE104" s="102"/>
      <c r="AF104" s="102"/>
      <c r="AG104" s="145"/>
      <c r="AH104" s="146" t="s">
        <v>7</v>
      </c>
      <c r="AI104" s="92" t="s">
        <v>208</v>
      </c>
      <c r="AJ104" s="92"/>
      <c r="AK104" s="92"/>
      <c r="AL104" s="92"/>
      <c r="AM104" s="151"/>
      <c r="AN104" s="148"/>
      <c r="AO104" s="92"/>
      <c r="AP104" s="145"/>
    </row>
    <row r="105" spans="1:42" ht="15.75" customHeight="1" x14ac:dyDescent="0.15">
      <c r="A105" s="234"/>
      <c r="E105" s="227"/>
      <c r="F105" s="132"/>
      <c r="G105" s="132"/>
      <c r="H105" s="228"/>
      <c r="I105" s="449" t="s">
        <v>238</v>
      </c>
      <c r="J105" s="450"/>
      <c r="K105" s="450"/>
      <c r="L105" s="451"/>
      <c r="M105" s="173"/>
      <c r="N105" s="102" t="s">
        <v>25</v>
      </c>
      <c r="O105" s="431"/>
      <c r="P105" s="431"/>
      <c r="Q105" s="431"/>
      <c r="R105" s="431"/>
      <c r="S105" s="431"/>
      <c r="T105" s="431"/>
      <c r="U105" s="431"/>
      <c r="V105" s="431"/>
      <c r="W105" s="431"/>
      <c r="X105" s="431"/>
      <c r="Y105" s="431"/>
      <c r="Z105" s="431"/>
      <c r="AA105" s="431"/>
      <c r="AB105" s="102" t="s">
        <v>26</v>
      </c>
      <c r="AC105" s="102"/>
      <c r="AD105" s="102"/>
      <c r="AE105" s="102"/>
      <c r="AF105" s="102"/>
      <c r="AG105" s="145"/>
      <c r="AH105" s="146" t="s">
        <v>7</v>
      </c>
      <c r="AI105" s="92" t="s">
        <v>69</v>
      </c>
      <c r="AJ105" s="92"/>
      <c r="AK105" s="92"/>
      <c r="AL105" s="92"/>
      <c r="AM105" s="151"/>
      <c r="AN105" s="148"/>
      <c r="AO105" s="92"/>
      <c r="AP105" s="145"/>
    </row>
    <row r="106" spans="1:42" ht="15.75" customHeight="1" x14ac:dyDescent="0.15">
      <c r="A106" s="234"/>
      <c r="E106" s="227"/>
      <c r="F106" s="132"/>
      <c r="G106" s="132"/>
      <c r="H106" s="228"/>
      <c r="I106" s="169"/>
      <c r="J106" s="105"/>
      <c r="K106" s="105"/>
      <c r="L106" s="170"/>
      <c r="M106" s="243"/>
      <c r="N106" s="96" t="s">
        <v>25</v>
      </c>
      <c r="O106" s="456"/>
      <c r="P106" s="456"/>
      <c r="Q106" s="456"/>
      <c r="R106" s="456"/>
      <c r="S106" s="456"/>
      <c r="T106" s="456"/>
      <c r="U106" s="456"/>
      <c r="V106" s="456"/>
      <c r="W106" s="456"/>
      <c r="X106" s="456"/>
      <c r="Y106" s="456"/>
      <c r="Z106" s="456"/>
      <c r="AA106" s="456"/>
      <c r="AB106" s="96" t="s">
        <v>26</v>
      </c>
      <c r="AC106" s="96"/>
      <c r="AD106" s="96"/>
      <c r="AE106" s="96"/>
      <c r="AF106" s="96"/>
      <c r="AG106" s="170"/>
      <c r="AH106" s="146" t="s">
        <v>7</v>
      </c>
      <c r="AI106" s="92"/>
      <c r="AJ106" s="92"/>
      <c r="AK106" s="92"/>
      <c r="AL106" s="92"/>
      <c r="AM106" s="92"/>
      <c r="AN106" s="148"/>
      <c r="AO106" s="92"/>
      <c r="AP106" s="145"/>
    </row>
    <row r="107" spans="1:42" ht="15.75" customHeight="1" x14ac:dyDescent="0.15">
      <c r="A107" s="234"/>
      <c r="E107" s="227"/>
      <c r="F107" s="132"/>
      <c r="G107" s="132"/>
      <c r="H107" s="228"/>
      <c r="I107" s="486" t="s">
        <v>241</v>
      </c>
      <c r="J107" s="487"/>
      <c r="K107" s="487"/>
      <c r="L107" s="488"/>
      <c r="M107" s="173" t="s">
        <v>242</v>
      </c>
      <c r="N107" s="103"/>
      <c r="O107" s="103"/>
      <c r="P107" s="194"/>
      <c r="Q107" s="194"/>
      <c r="R107" s="194"/>
      <c r="S107" s="194"/>
      <c r="T107" s="194"/>
      <c r="U107" s="156"/>
      <c r="V107" s="156"/>
      <c r="W107" s="242"/>
      <c r="X107" s="242"/>
      <c r="Y107" s="102"/>
      <c r="Z107" s="102"/>
      <c r="AA107" s="102"/>
      <c r="AB107" s="102"/>
      <c r="AC107" s="102"/>
      <c r="AD107" s="102"/>
      <c r="AE107" s="102"/>
      <c r="AF107" s="102"/>
      <c r="AG107" s="145"/>
      <c r="AH107" s="102"/>
      <c r="AI107" s="156"/>
      <c r="AJ107" s="92"/>
      <c r="AK107" s="92"/>
      <c r="AL107" s="92"/>
      <c r="AM107" s="151"/>
      <c r="AN107" s="148"/>
      <c r="AO107" s="92"/>
      <c r="AP107" s="145"/>
    </row>
    <row r="108" spans="1:42" ht="15.75" customHeight="1" x14ac:dyDescent="0.15">
      <c r="A108" s="234"/>
      <c r="E108" s="227"/>
      <c r="F108" s="132"/>
      <c r="G108" s="132"/>
      <c r="H108" s="228"/>
      <c r="I108" s="449" t="s">
        <v>238</v>
      </c>
      <c r="J108" s="450"/>
      <c r="K108" s="450"/>
      <c r="L108" s="451"/>
      <c r="M108" s="173"/>
      <c r="N108" s="151" t="s">
        <v>7</v>
      </c>
      <c r="O108" s="92" t="s">
        <v>243</v>
      </c>
      <c r="P108" s="92"/>
      <c r="Q108" s="175"/>
      <c r="R108" s="92"/>
      <c r="S108" s="156"/>
      <c r="T108" s="156"/>
      <c r="U108" s="156"/>
      <c r="V108" s="156"/>
      <c r="W108" s="242"/>
      <c r="X108" s="242"/>
      <c r="Y108" s="102"/>
      <c r="Z108" s="102"/>
      <c r="AA108" s="102"/>
      <c r="AB108" s="102"/>
      <c r="AC108" s="102"/>
      <c r="AD108" s="102"/>
      <c r="AE108" s="102"/>
      <c r="AF108" s="102"/>
      <c r="AG108" s="145"/>
      <c r="AH108" s="148"/>
      <c r="AI108" s="92"/>
      <c r="AJ108" s="92"/>
      <c r="AK108" s="92"/>
      <c r="AL108" s="92"/>
      <c r="AM108" s="124"/>
      <c r="AN108" s="148"/>
      <c r="AO108" s="92"/>
      <c r="AP108" s="145"/>
    </row>
    <row r="109" spans="1:42" ht="15.75" customHeight="1" x14ac:dyDescent="0.15">
      <c r="A109" s="234"/>
      <c r="E109" s="227"/>
      <c r="F109" s="132"/>
      <c r="G109" s="132"/>
      <c r="H109" s="228"/>
      <c r="I109" s="148"/>
      <c r="J109" s="92"/>
      <c r="K109" s="92"/>
      <c r="L109" s="145"/>
      <c r="M109" s="173"/>
      <c r="N109" s="151" t="s">
        <v>7</v>
      </c>
      <c r="O109" s="92" t="s">
        <v>244</v>
      </c>
      <c r="P109" s="156"/>
      <c r="Q109" s="156"/>
      <c r="R109" s="156"/>
      <c r="S109" s="156"/>
      <c r="T109" s="156"/>
      <c r="U109" s="156"/>
      <c r="V109" s="156"/>
      <c r="W109" s="242"/>
      <c r="X109" s="242"/>
      <c r="Y109" s="102"/>
      <c r="Z109" s="102"/>
      <c r="AA109" s="102"/>
      <c r="AB109" s="102"/>
      <c r="AC109" s="102"/>
      <c r="AD109" s="102"/>
      <c r="AE109" s="102"/>
      <c r="AF109" s="102"/>
      <c r="AG109" s="145"/>
      <c r="AH109" s="155"/>
      <c r="AI109" s="92"/>
      <c r="AJ109" s="92"/>
      <c r="AK109" s="92"/>
      <c r="AL109" s="92"/>
      <c r="AM109" s="92"/>
      <c r="AN109" s="148"/>
      <c r="AO109" s="92"/>
      <c r="AP109" s="145"/>
    </row>
    <row r="110" spans="1:42" ht="15.75" customHeight="1" x14ac:dyDescent="0.15">
      <c r="A110" s="234"/>
      <c r="E110" s="227"/>
      <c r="F110" s="132"/>
      <c r="G110" s="132"/>
      <c r="H110" s="228"/>
      <c r="I110" s="148"/>
      <c r="J110" s="92"/>
      <c r="K110" s="92"/>
      <c r="L110" s="145"/>
      <c r="M110" s="173"/>
      <c r="N110" s="151" t="s">
        <v>7</v>
      </c>
      <c r="O110" s="92" t="s">
        <v>245</v>
      </c>
      <c r="P110" s="156"/>
      <c r="Q110" s="156"/>
      <c r="R110" s="156"/>
      <c r="S110" s="156"/>
      <c r="T110" s="156"/>
      <c r="U110" s="156"/>
      <c r="V110" s="156"/>
      <c r="W110" s="242"/>
      <c r="X110" s="242"/>
      <c r="Y110" s="102"/>
      <c r="Z110" s="102"/>
      <c r="AA110" s="102"/>
      <c r="AB110" s="102"/>
      <c r="AC110" s="102"/>
      <c r="AD110" s="102"/>
      <c r="AE110" s="102"/>
      <c r="AF110" s="102"/>
      <c r="AG110" s="145"/>
      <c r="AH110" s="155"/>
      <c r="AI110" s="92"/>
      <c r="AJ110" s="92"/>
      <c r="AK110" s="92"/>
      <c r="AL110" s="92"/>
      <c r="AM110" s="92"/>
      <c r="AN110" s="148"/>
      <c r="AO110" s="92"/>
      <c r="AP110" s="145"/>
    </row>
    <row r="111" spans="1:42" ht="15.75" customHeight="1" x14ac:dyDescent="0.15">
      <c r="A111" s="234"/>
      <c r="E111" s="227"/>
      <c r="F111" s="132"/>
      <c r="G111" s="132"/>
      <c r="H111" s="228"/>
      <c r="I111" s="169"/>
      <c r="J111" s="105"/>
      <c r="K111" s="105"/>
      <c r="L111" s="170"/>
      <c r="M111" s="243"/>
      <c r="N111" s="126" t="s">
        <v>7</v>
      </c>
      <c r="O111" s="105" t="s">
        <v>0</v>
      </c>
      <c r="P111" s="238"/>
      <c r="Q111" s="190" t="s">
        <v>25</v>
      </c>
      <c r="R111" s="471"/>
      <c r="S111" s="471"/>
      <c r="T111" s="471"/>
      <c r="U111" s="471"/>
      <c r="V111" s="471"/>
      <c r="W111" s="471"/>
      <c r="X111" s="471"/>
      <c r="Y111" s="471"/>
      <c r="Z111" s="471"/>
      <c r="AA111" s="471"/>
      <c r="AB111" s="96" t="s">
        <v>26</v>
      </c>
      <c r="AC111" s="96"/>
      <c r="AD111" s="96"/>
      <c r="AE111" s="96"/>
      <c r="AF111" s="96"/>
      <c r="AG111" s="170"/>
      <c r="AH111" s="155"/>
      <c r="AI111" s="92"/>
      <c r="AJ111" s="92"/>
      <c r="AK111" s="92"/>
      <c r="AL111" s="92"/>
      <c r="AM111" s="92"/>
      <c r="AN111" s="148"/>
      <c r="AO111" s="92"/>
      <c r="AP111" s="145"/>
    </row>
    <row r="112" spans="1:42" ht="15.75" customHeight="1" x14ac:dyDescent="0.15">
      <c r="A112" s="234"/>
      <c r="E112" s="227"/>
      <c r="F112" s="132"/>
      <c r="G112" s="132"/>
      <c r="H112" s="228"/>
      <c r="I112" s="486" t="s">
        <v>246</v>
      </c>
      <c r="J112" s="487"/>
      <c r="K112" s="487"/>
      <c r="L112" s="488"/>
      <c r="M112" s="173" t="s">
        <v>240</v>
      </c>
      <c r="N112" s="102"/>
      <c r="O112" s="92"/>
      <c r="P112" s="156"/>
      <c r="Q112" s="194"/>
      <c r="R112" s="194"/>
      <c r="S112" s="194"/>
      <c r="T112" s="194"/>
      <c r="U112" s="194"/>
      <c r="V112" s="194"/>
      <c r="W112" s="194"/>
      <c r="X112" s="194"/>
      <c r="Y112" s="194"/>
      <c r="Z112" s="194"/>
      <c r="AA112" s="194"/>
      <c r="AB112" s="102"/>
      <c r="AC112" s="102"/>
      <c r="AD112" s="102"/>
      <c r="AE112" s="102"/>
      <c r="AF112" s="102"/>
      <c r="AG112" s="145"/>
      <c r="AH112" s="155"/>
      <c r="AI112" s="92"/>
      <c r="AJ112" s="92"/>
      <c r="AK112" s="92"/>
      <c r="AL112" s="92"/>
      <c r="AM112" s="92"/>
      <c r="AN112" s="148"/>
      <c r="AO112" s="92"/>
      <c r="AP112" s="145"/>
    </row>
    <row r="113" spans="1:42" ht="15.75" customHeight="1" x14ac:dyDescent="0.15">
      <c r="A113" s="234"/>
      <c r="E113" s="227"/>
      <c r="F113" s="132"/>
      <c r="G113" s="132"/>
      <c r="H113" s="228"/>
      <c r="I113" s="449" t="s">
        <v>247</v>
      </c>
      <c r="J113" s="450"/>
      <c r="K113" s="450"/>
      <c r="L113" s="451"/>
      <c r="M113" s="173"/>
      <c r="N113" s="102" t="s">
        <v>25</v>
      </c>
      <c r="O113" s="431"/>
      <c r="P113" s="431"/>
      <c r="Q113" s="431"/>
      <c r="R113" s="431"/>
      <c r="S113" s="431"/>
      <c r="T113" s="431"/>
      <c r="U113" s="431"/>
      <c r="V113" s="431"/>
      <c r="W113" s="431"/>
      <c r="X113" s="431"/>
      <c r="Y113" s="431"/>
      <c r="Z113" s="431"/>
      <c r="AA113" s="431"/>
      <c r="AB113" s="102" t="s">
        <v>26</v>
      </c>
      <c r="AC113" s="102"/>
      <c r="AD113" s="102"/>
      <c r="AE113" s="102"/>
      <c r="AF113" s="102"/>
      <c r="AG113" s="145"/>
      <c r="AH113" s="155"/>
      <c r="AI113" s="92"/>
      <c r="AJ113" s="92"/>
      <c r="AK113" s="92"/>
      <c r="AL113" s="92"/>
      <c r="AM113" s="92"/>
      <c r="AN113" s="148"/>
      <c r="AO113" s="92"/>
      <c r="AP113" s="145"/>
    </row>
    <row r="114" spans="1:42" ht="15.75" customHeight="1" x14ac:dyDescent="0.15">
      <c r="A114" s="234"/>
      <c r="E114" s="227"/>
      <c r="F114" s="132"/>
      <c r="G114" s="132"/>
      <c r="H114" s="228"/>
      <c r="I114" s="169"/>
      <c r="J114" s="105"/>
      <c r="K114" s="105"/>
      <c r="L114" s="170"/>
      <c r="M114" s="243"/>
      <c r="N114" s="96" t="s">
        <v>25</v>
      </c>
      <c r="O114" s="456"/>
      <c r="P114" s="456"/>
      <c r="Q114" s="456"/>
      <c r="R114" s="456"/>
      <c r="S114" s="456"/>
      <c r="T114" s="456"/>
      <c r="U114" s="456"/>
      <c r="V114" s="456"/>
      <c r="W114" s="456"/>
      <c r="X114" s="456"/>
      <c r="Y114" s="456"/>
      <c r="Z114" s="456"/>
      <c r="AA114" s="456"/>
      <c r="AB114" s="96" t="s">
        <v>26</v>
      </c>
      <c r="AC114" s="96"/>
      <c r="AD114" s="96"/>
      <c r="AE114" s="96"/>
      <c r="AF114" s="96"/>
      <c r="AG114" s="170"/>
      <c r="AH114" s="155"/>
      <c r="AI114" s="92"/>
      <c r="AJ114" s="92"/>
      <c r="AK114" s="92"/>
      <c r="AL114" s="92"/>
      <c r="AM114" s="92"/>
      <c r="AN114" s="148"/>
      <c r="AO114" s="92"/>
      <c r="AP114" s="145"/>
    </row>
    <row r="115" spans="1:42" ht="15.75" customHeight="1" x14ac:dyDescent="0.15">
      <c r="A115" s="234"/>
      <c r="E115" s="227"/>
      <c r="F115" s="132"/>
      <c r="G115" s="132"/>
      <c r="H115" s="228"/>
      <c r="I115" s="486" t="s">
        <v>248</v>
      </c>
      <c r="J115" s="487"/>
      <c r="K115" s="487"/>
      <c r="L115" s="488"/>
      <c r="M115" s="173" t="s">
        <v>240</v>
      </c>
      <c r="N115" s="102"/>
      <c r="O115" s="92"/>
      <c r="P115" s="156"/>
      <c r="Q115" s="194"/>
      <c r="R115" s="194"/>
      <c r="S115" s="194"/>
      <c r="T115" s="194"/>
      <c r="U115" s="194"/>
      <c r="V115" s="194"/>
      <c r="W115" s="194"/>
      <c r="X115" s="194"/>
      <c r="Y115" s="194"/>
      <c r="Z115" s="194"/>
      <c r="AA115" s="194"/>
      <c r="AB115" s="102"/>
      <c r="AC115" s="102"/>
      <c r="AD115" s="102"/>
      <c r="AE115" s="102"/>
      <c r="AF115" s="102"/>
      <c r="AG115" s="145"/>
      <c r="AH115" s="155"/>
      <c r="AI115" s="92"/>
      <c r="AJ115" s="92"/>
      <c r="AK115" s="92"/>
      <c r="AL115" s="92"/>
      <c r="AM115" s="92"/>
      <c r="AN115" s="148"/>
      <c r="AO115" s="92"/>
      <c r="AP115" s="145"/>
    </row>
    <row r="116" spans="1:42" ht="15.75" customHeight="1" x14ac:dyDescent="0.15">
      <c r="A116" s="234"/>
      <c r="E116" s="227"/>
      <c r="F116" s="132"/>
      <c r="G116" s="132"/>
      <c r="H116" s="228"/>
      <c r="I116" s="449" t="s">
        <v>249</v>
      </c>
      <c r="J116" s="450"/>
      <c r="K116" s="450"/>
      <c r="L116" s="451"/>
      <c r="M116" s="173"/>
      <c r="N116" s="102" t="s">
        <v>25</v>
      </c>
      <c r="O116" s="431"/>
      <c r="P116" s="431"/>
      <c r="Q116" s="431"/>
      <c r="R116" s="431"/>
      <c r="S116" s="431"/>
      <c r="T116" s="431"/>
      <c r="U116" s="431"/>
      <c r="V116" s="431"/>
      <c r="W116" s="431"/>
      <c r="X116" s="431"/>
      <c r="Y116" s="431"/>
      <c r="Z116" s="431"/>
      <c r="AA116" s="431"/>
      <c r="AB116" s="102" t="s">
        <v>26</v>
      </c>
      <c r="AC116" s="102"/>
      <c r="AD116" s="102"/>
      <c r="AE116" s="102"/>
      <c r="AF116" s="102"/>
      <c r="AG116" s="145"/>
      <c r="AH116" s="155"/>
      <c r="AI116" s="92"/>
      <c r="AJ116" s="92"/>
      <c r="AK116" s="92"/>
      <c r="AL116" s="92"/>
      <c r="AM116" s="92"/>
      <c r="AN116" s="148"/>
      <c r="AO116" s="92"/>
      <c r="AP116" s="145"/>
    </row>
    <row r="117" spans="1:42" ht="15.75" customHeight="1" x14ac:dyDescent="0.15">
      <c r="A117" s="234"/>
      <c r="E117" s="235"/>
      <c r="F117" s="117"/>
      <c r="G117" s="117"/>
      <c r="H117" s="236"/>
      <c r="I117" s="169"/>
      <c r="J117" s="105"/>
      <c r="K117" s="105"/>
      <c r="L117" s="170"/>
      <c r="M117" s="243"/>
      <c r="N117" s="96" t="s">
        <v>25</v>
      </c>
      <c r="O117" s="456"/>
      <c r="P117" s="456"/>
      <c r="Q117" s="456"/>
      <c r="R117" s="456"/>
      <c r="S117" s="456"/>
      <c r="T117" s="456"/>
      <c r="U117" s="456"/>
      <c r="V117" s="456"/>
      <c r="W117" s="456"/>
      <c r="X117" s="456"/>
      <c r="Y117" s="456"/>
      <c r="Z117" s="456"/>
      <c r="AA117" s="456"/>
      <c r="AB117" s="96" t="s">
        <v>26</v>
      </c>
      <c r="AC117" s="96"/>
      <c r="AD117" s="96"/>
      <c r="AE117" s="96"/>
      <c r="AF117" s="96"/>
      <c r="AG117" s="170"/>
      <c r="AH117" s="212"/>
      <c r="AI117" s="105"/>
      <c r="AJ117" s="105"/>
      <c r="AK117" s="105"/>
      <c r="AL117" s="105"/>
      <c r="AM117" s="105"/>
      <c r="AN117" s="169"/>
      <c r="AO117" s="105"/>
      <c r="AP117" s="170"/>
    </row>
    <row r="118" spans="1:42" ht="15.75" customHeight="1" x14ac:dyDescent="0.15">
      <c r="A118" s="234"/>
      <c r="E118" s="486" t="s">
        <v>250</v>
      </c>
      <c r="F118" s="487"/>
      <c r="G118" s="487"/>
      <c r="H118" s="488"/>
      <c r="I118" s="486" t="s">
        <v>251</v>
      </c>
      <c r="J118" s="487"/>
      <c r="K118" s="487"/>
      <c r="L118" s="488"/>
      <c r="M118" s="151" t="s">
        <v>7</v>
      </c>
      <c r="N118" s="92" t="s">
        <v>252</v>
      </c>
      <c r="O118" s="156"/>
      <c r="P118" s="156"/>
      <c r="Q118" s="102"/>
      <c r="R118" s="151" t="s">
        <v>7</v>
      </c>
      <c r="S118" s="92" t="s">
        <v>253</v>
      </c>
      <c r="T118" s="156"/>
      <c r="U118" s="156"/>
      <c r="V118" s="102"/>
      <c r="W118" s="102"/>
      <c r="X118" s="102"/>
      <c r="Y118" s="102"/>
      <c r="Z118" s="102"/>
      <c r="AA118" s="102"/>
      <c r="AB118" s="102"/>
      <c r="AC118" s="102"/>
      <c r="AD118" s="102"/>
      <c r="AE118" s="102"/>
      <c r="AF118" s="102"/>
      <c r="AG118" s="145"/>
      <c r="AH118" s="146" t="s">
        <v>7</v>
      </c>
      <c r="AI118" s="98" t="s">
        <v>132</v>
      </c>
      <c r="AJ118" s="98"/>
      <c r="AK118" s="98"/>
      <c r="AL118" s="98"/>
      <c r="AM118" s="151"/>
      <c r="AN118" s="148"/>
      <c r="AO118" s="92"/>
      <c r="AP118" s="145"/>
    </row>
    <row r="119" spans="1:42" ht="15.75" customHeight="1" x14ac:dyDescent="0.15">
      <c r="A119" s="234"/>
      <c r="E119" s="227"/>
      <c r="F119" s="132"/>
      <c r="G119" s="132"/>
      <c r="H119" s="228"/>
      <c r="I119" s="169"/>
      <c r="J119" s="105"/>
      <c r="K119" s="105"/>
      <c r="L119" s="170"/>
      <c r="M119" s="167" t="s">
        <v>7</v>
      </c>
      <c r="N119" s="105" t="s">
        <v>0</v>
      </c>
      <c r="O119" s="238"/>
      <c r="P119" s="190" t="s">
        <v>25</v>
      </c>
      <c r="Q119" s="456"/>
      <c r="R119" s="456"/>
      <c r="S119" s="456"/>
      <c r="T119" s="456"/>
      <c r="U119" s="456"/>
      <c r="V119" s="456"/>
      <c r="W119" s="456"/>
      <c r="X119" s="456"/>
      <c r="Y119" s="456"/>
      <c r="Z119" s="456"/>
      <c r="AA119" s="96" t="s">
        <v>26</v>
      </c>
      <c r="AB119" s="96"/>
      <c r="AC119" s="96"/>
      <c r="AD119" s="96"/>
      <c r="AE119" s="96"/>
      <c r="AF119" s="96"/>
      <c r="AG119" s="170"/>
      <c r="AH119" s="146" t="s">
        <v>7</v>
      </c>
      <c r="AI119" s="92" t="s">
        <v>185</v>
      </c>
      <c r="AJ119" s="92"/>
      <c r="AK119" s="92"/>
      <c r="AL119" s="92"/>
      <c r="AM119" s="151"/>
      <c r="AN119" s="148"/>
      <c r="AO119" s="92"/>
      <c r="AP119" s="145"/>
    </row>
    <row r="120" spans="1:42" ht="15.75" customHeight="1" x14ac:dyDescent="0.15">
      <c r="A120" s="234"/>
      <c r="E120" s="227"/>
      <c r="F120" s="132"/>
      <c r="G120" s="132"/>
      <c r="H120" s="228"/>
      <c r="I120" s="486" t="s">
        <v>254</v>
      </c>
      <c r="J120" s="487"/>
      <c r="K120" s="487"/>
      <c r="L120" s="488"/>
      <c r="M120" s="151" t="s">
        <v>7</v>
      </c>
      <c r="N120" s="92" t="s">
        <v>255</v>
      </c>
      <c r="O120" s="156"/>
      <c r="P120" s="156"/>
      <c r="Q120" s="102"/>
      <c r="R120" s="102"/>
      <c r="S120" s="102"/>
      <c r="T120" s="102"/>
      <c r="U120" s="102"/>
      <c r="V120" s="102"/>
      <c r="W120" s="102"/>
      <c r="X120" s="102"/>
      <c r="Y120" s="102"/>
      <c r="Z120" s="102"/>
      <c r="AA120" s="102"/>
      <c r="AB120" s="102"/>
      <c r="AC120" s="102"/>
      <c r="AD120" s="102"/>
      <c r="AE120" s="102"/>
      <c r="AF120" s="102"/>
      <c r="AG120" s="145"/>
      <c r="AH120" s="146" t="s">
        <v>7</v>
      </c>
      <c r="AI120" s="92" t="s">
        <v>208</v>
      </c>
      <c r="AJ120" s="92"/>
      <c r="AK120" s="92"/>
      <c r="AL120" s="92"/>
      <c r="AM120" s="92"/>
      <c r="AN120" s="148"/>
      <c r="AO120" s="92"/>
      <c r="AP120" s="145"/>
    </row>
    <row r="121" spans="1:42" ht="15.75" customHeight="1" x14ac:dyDescent="0.15">
      <c r="A121" s="234"/>
      <c r="E121" s="227"/>
      <c r="F121" s="132"/>
      <c r="G121" s="132"/>
      <c r="H121" s="228"/>
      <c r="I121" s="486" t="s">
        <v>256</v>
      </c>
      <c r="J121" s="487"/>
      <c r="K121" s="487"/>
      <c r="L121" s="488"/>
      <c r="M121" s="155"/>
      <c r="N121" s="92"/>
      <c r="O121" s="156" t="s">
        <v>257</v>
      </c>
      <c r="P121" s="194"/>
      <c r="Q121" s="431"/>
      <c r="R121" s="431"/>
      <c r="S121" s="431"/>
      <c r="T121" s="431"/>
      <c r="U121" s="431"/>
      <c r="V121" s="431"/>
      <c r="W121" s="431"/>
      <c r="X121" s="431"/>
      <c r="Y121" s="431"/>
      <c r="Z121" s="431"/>
      <c r="AA121" s="102" t="s">
        <v>26</v>
      </c>
      <c r="AB121" s="102"/>
      <c r="AC121" s="102"/>
      <c r="AD121" s="102"/>
      <c r="AE121" s="102"/>
      <c r="AF121" s="102"/>
      <c r="AG121" s="145"/>
      <c r="AH121" s="146" t="s">
        <v>7</v>
      </c>
      <c r="AI121" s="92" t="s">
        <v>210</v>
      </c>
      <c r="AJ121" s="92"/>
      <c r="AK121" s="92"/>
      <c r="AL121" s="92"/>
      <c r="AM121" s="151"/>
      <c r="AN121" s="148"/>
      <c r="AO121" s="92"/>
      <c r="AP121" s="145"/>
    </row>
    <row r="122" spans="1:42" ht="15.75" customHeight="1" x14ac:dyDescent="0.15">
      <c r="A122" s="234"/>
      <c r="E122" s="227"/>
      <c r="F122" s="132"/>
      <c r="G122" s="132"/>
      <c r="H122" s="228"/>
      <c r="I122" s="486" t="s">
        <v>258</v>
      </c>
      <c r="J122" s="487"/>
      <c r="K122" s="487"/>
      <c r="L122" s="488"/>
      <c r="M122" s="151" t="s">
        <v>7</v>
      </c>
      <c r="N122" s="92" t="s">
        <v>259</v>
      </c>
      <c r="O122" s="156"/>
      <c r="P122" s="156"/>
      <c r="Q122" s="102"/>
      <c r="R122" s="102"/>
      <c r="S122" s="102"/>
      <c r="T122" s="102"/>
      <c r="U122" s="102"/>
      <c r="V122" s="102"/>
      <c r="W122" s="102"/>
      <c r="X122" s="102"/>
      <c r="Y122" s="102"/>
      <c r="Z122" s="102"/>
      <c r="AA122" s="102"/>
      <c r="AB122" s="102"/>
      <c r="AC122" s="102"/>
      <c r="AD122" s="102"/>
      <c r="AE122" s="102"/>
      <c r="AF122" s="102"/>
      <c r="AG122" s="145"/>
      <c r="AH122" s="146" t="s">
        <v>7</v>
      </c>
      <c r="AM122" s="124"/>
      <c r="AN122" s="148"/>
      <c r="AO122" s="92"/>
      <c r="AP122" s="145"/>
    </row>
    <row r="123" spans="1:42" ht="15.95" customHeight="1" x14ac:dyDescent="0.15">
      <c r="A123" s="234"/>
      <c r="E123" s="227"/>
      <c r="F123" s="132"/>
      <c r="G123" s="132"/>
      <c r="H123" s="228"/>
      <c r="I123" s="244"/>
      <c r="J123" s="245"/>
      <c r="K123" s="245"/>
      <c r="L123" s="246"/>
      <c r="M123" s="151" t="s">
        <v>7</v>
      </c>
      <c r="N123" s="105" t="s">
        <v>0</v>
      </c>
      <c r="O123" s="238"/>
      <c r="P123" s="190" t="s">
        <v>25</v>
      </c>
      <c r="Q123" s="456"/>
      <c r="R123" s="456"/>
      <c r="S123" s="456"/>
      <c r="T123" s="456"/>
      <c r="U123" s="456"/>
      <c r="V123" s="456"/>
      <c r="W123" s="456"/>
      <c r="X123" s="456"/>
      <c r="Y123" s="456"/>
      <c r="Z123" s="456"/>
      <c r="AA123" s="96" t="s">
        <v>26</v>
      </c>
      <c r="AB123" s="96"/>
      <c r="AC123" s="96"/>
      <c r="AD123" s="96"/>
      <c r="AE123" s="96"/>
      <c r="AF123" s="96"/>
      <c r="AG123" s="170"/>
      <c r="AH123" s="155"/>
      <c r="AI123" s="92"/>
      <c r="AJ123" s="92"/>
      <c r="AK123" s="92"/>
      <c r="AL123" s="92"/>
      <c r="AM123" s="92"/>
      <c r="AN123" s="148"/>
      <c r="AO123" s="92"/>
      <c r="AP123" s="145"/>
    </row>
    <row r="124" spans="1:42" ht="15.95" customHeight="1" x14ac:dyDescent="0.15">
      <c r="A124" s="234"/>
      <c r="E124" s="227"/>
      <c r="F124" s="132"/>
      <c r="G124" s="132"/>
      <c r="H124" s="228"/>
      <c r="I124" s="473" t="s">
        <v>260</v>
      </c>
      <c r="J124" s="474"/>
      <c r="K124" s="474"/>
      <c r="L124" s="475"/>
      <c r="M124" s="247" t="s">
        <v>261</v>
      </c>
      <c r="N124" s="98"/>
      <c r="O124" s="239" t="s">
        <v>25</v>
      </c>
      <c r="P124" s="485"/>
      <c r="Q124" s="485"/>
      <c r="R124" s="485"/>
      <c r="S124" s="485"/>
      <c r="T124" s="485"/>
      <c r="U124" s="485"/>
      <c r="V124" s="485"/>
      <c r="W124" s="485"/>
      <c r="X124" s="485"/>
      <c r="Y124" s="114" t="s">
        <v>26</v>
      </c>
      <c r="Z124" s="206"/>
      <c r="AA124" s="206"/>
      <c r="AB124" s="206"/>
      <c r="AC124" s="206"/>
      <c r="AD124" s="102"/>
      <c r="AE124" s="102"/>
      <c r="AF124" s="102"/>
      <c r="AG124" s="145"/>
      <c r="AH124" s="155"/>
      <c r="AI124" s="92"/>
      <c r="AJ124" s="92"/>
      <c r="AK124" s="92"/>
      <c r="AL124" s="92"/>
      <c r="AM124" s="92"/>
      <c r="AN124" s="148"/>
      <c r="AO124" s="92"/>
      <c r="AP124" s="145"/>
    </row>
    <row r="125" spans="1:42" ht="15.95" customHeight="1" x14ac:dyDescent="0.15">
      <c r="A125" s="234"/>
      <c r="E125" s="227"/>
      <c r="F125" s="132"/>
      <c r="G125" s="132"/>
      <c r="H125" s="228"/>
      <c r="I125" s="486" t="s">
        <v>262</v>
      </c>
      <c r="J125" s="487"/>
      <c r="K125" s="487"/>
      <c r="L125" s="488"/>
      <c r="M125" s="173" t="s">
        <v>263</v>
      </c>
      <c r="N125" s="92"/>
      <c r="O125" s="92"/>
      <c r="P125" s="92"/>
      <c r="Q125" s="194" t="s">
        <v>25</v>
      </c>
      <c r="R125" s="480"/>
      <c r="S125" s="480"/>
      <c r="T125" s="480"/>
      <c r="U125" s="480"/>
      <c r="V125" s="480"/>
      <c r="W125" s="480"/>
      <c r="X125" s="480"/>
      <c r="Y125" s="103" t="s">
        <v>215</v>
      </c>
      <c r="Z125" s="102"/>
      <c r="AA125" s="102"/>
      <c r="AB125" s="102"/>
      <c r="AC125" s="102"/>
      <c r="AD125" s="102"/>
      <c r="AE125" s="102"/>
      <c r="AF125" s="102"/>
      <c r="AG125" s="145"/>
      <c r="AH125" s="155"/>
      <c r="AI125" s="92"/>
      <c r="AJ125" s="92"/>
      <c r="AK125" s="92"/>
      <c r="AL125" s="92"/>
      <c r="AM125" s="92"/>
      <c r="AN125" s="148"/>
      <c r="AO125" s="92"/>
      <c r="AP125" s="145"/>
    </row>
    <row r="126" spans="1:42" ht="15.95" customHeight="1" x14ac:dyDescent="0.15">
      <c r="A126" s="234"/>
      <c r="E126" s="235"/>
      <c r="F126" s="117"/>
      <c r="G126" s="117"/>
      <c r="H126" s="236"/>
      <c r="I126" s="169"/>
      <c r="J126" s="105"/>
      <c r="K126" s="105"/>
      <c r="L126" s="170"/>
      <c r="M126" s="243" t="s">
        <v>264</v>
      </c>
      <c r="N126" s="97"/>
      <c r="O126" s="97"/>
      <c r="P126" s="97"/>
      <c r="Q126" s="96" t="s">
        <v>144</v>
      </c>
      <c r="R126" s="456"/>
      <c r="S126" s="456"/>
      <c r="T126" s="456"/>
      <c r="U126" s="456"/>
      <c r="V126" s="456"/>
      <c r="W126" s="456"/>
      <c r="X126" s="456"/>
      <c r="Y126" s="456"/>
      <c r="Z126" s="456"/>
      <c r="AA126" s="456"/>
      <c r="AB126" s="456"/>
      <c r="AC126" s="456"/>
      <c r="AD126" s="96" t="s">
        <v>112</v>
      </c>
      <c r="AE126" s="96"/>
      <c r="AF126" s="96"/>
      <c r="AG126" s="170"/>
      <c r="AH126" s="212"/>
      <c r="AI126" s="105"/>
      <c r="AJ126" s="105"/>
      <c r="AK126" s="105"/>
      <c r="AL126" s="105"/>
      <c r="AM126" s="105"/>
      <c r="AN126" s="169"/>
      <c r="AO126" s="105"/>
      <c r="AP126" s="170"/>
    </row>
    <row r="127" spans="1:42" ht="15.95" customHeight="1" x14ac:dyDescent="0.15">
      <c r="A127" s="234"/>
      <c r="E127" s="486" t="s">
        <v>246</v>
      </c>
      <c r="F127" s="487"/>
      <c r="G127" s="487"/>
      <c r="H127" s="488"/>
      <c r="I127" s="486" t="s">
        <v>254</v>
      </c>
      <c r="J127" s="487"/>
      <c r="K127" s="487"/>
      <c r="L127" s="488"/>
      <c r="M127" s="151" t="s">
        <v>7</v>
      </c>
      <c r="N127" s="92" t="s">
        <v>255</v>
      </c>
      <c r="O127" s="156"/>
      <c r="P127" s="156"/>
      <c r="Q127" s="102"/>
      <c r="R127" s="102"/>
      <c r="S127" s="102"/>
      <c r="T127" s="102"/>
      <c r="U127" s="102"/>
      <c r="V127" s="102"/>
      <c r="W127" s="102"/>
      <c r="X127" s="102"/>
      <c r="Y127" s="102"/>
      <c r="Z127" s="102"/>
      <c r="AA127" s="102"/>
      <c r="AB127" s="102"/>
      <c r="AC127" s="102"/>
      <c r="AD127" s="102"/>
      <c r="AE127" s="102"/>
      <c r="AF127" s="102"/>
      <c r="AG127" s="145"/>
      <c r="AH127" s="146" t="s">
        <v>7</v>
      </c>
      <c r="AI127" s="92" t="s">
        <v>185</v>
      </c>
      <c r="AJ127" s="98"/>
      <c r="AK127" s="98"/>
      <c r="AL127" s="98"/>
      <c r="AM127" s="151"/>
      <c r="AN127" s="148"/>
      <c r="AO127" s="92"/>
      <c r="AP127" s="145"/>
    </row>
    <row r="128" spans="1:42" ht="15.95" customHeight="1" x14ac:dyDescent="0.15">
      <c r="A128" s="234"/>
      <c r="E128" s="227"/>
      <c r="F128" s="132"/>
      <c r="G128" s="132"/>
      <c r="H128" s="228"/>
      <c r="I128" s="486" t="s">
        <v>256</v>
      </c>
      <c r="J128" s="487"/>
      <c r="K128" s="487"/>
      <c r="L128" s="488"/>
      <c r="M128" s="155"/>
      <c r="N128" s="92"/>
      <c r="O128" s="156" t="s">
        <v>257</v>
      </c>
      <c r="P128" s="194"/>
      <c r="Q128" s="431"/>
      <c r="R128" s="431"/>
      <c r="S128" s="431"/>
      <c r="T128" s="431"/>
      <c r="U128" s="431"/>
      <c r="V128" s="431"/>
      <c r="W128" s="431"/>
      <c r="X128" s="431"/>
      <c r="Y128" s="431"/>
      <c r="Z128" s="431"/>
      <c r="AA128" s="102" t="s">
        <v>26</v>
      </c>
      <c r="AB128" s="102"/>
      <c r="AC128" s="102"/>
      <c r="AD128" s="102"/>
      <c r="AE128" s="102"/>
      <c r="AF128" s="102"/>
      <c r="AG128" s="145"/>
      <c r="AH128" s="146" t="s">
        <v>7</v>
      </c>
      <c r="AI128" s="92" t="s">
        <v>208</v>
      </c>
      <c r="AJ128" s="92"/>
      <c r="AK128" s="92"/>
      <c r="AL128" s="92"/>
      <c r="AM128" s="151"/>
      <c r="AN128" s="148"/>
      <c r="AO128" s="92"/>
      <c r="AP128" s="145"/>
    </row>
    <row r="129" spans="1:42" ht="15.95" customHeight="1" x14ac:dyDescent="0.15">
      <c r="A129" s="234"/>
      <c r="E129" s="227"/>
      <c r="F129" s="132"/>
      <c r="G129" s="132"/>
      <c r="H129" s="228"/>
      <c r="I129" s="486" t="s">
        <v>258</v>
      </c>
      <c r="J129" s="487"/>
      <c r="K129" s="487"/>
      <c r="L129" s="488"/>
      <c r="M129" s="151" t="s">
        <v>7</v>
      </c>
      <c r="N129" s="92" t="s">
        <v>259</v>
      </c>
      <c r="O129" s="156"/>
      <c r="P129" s="156"/>
      <c r="Q129" s="102"/>
      <c r="R129" s="102"/>
      <c r="S129" s="102"/>
      <c r="T129" s="102"/>
      <c r="U129" s="102"/>
      <c r="V129" s="102"/>
      <c r="W129" s="102"/>
      <c r="X129" s="102"/>
      <c r="Y129" s="102"/>
      <c r="Z129" s="102"/>
      <c r="AA129" s="102"/>
      <c r="AB129" s="102"/>
      <c r="AC129" s="102"/>
      <c r="AD129" s="102"/>
      <c r="AE129" s="102"/>
      <c r="AF129" s="102"/>
      <c r="AG129" s="145"/>
      <c r="AH129" s="146" t="s">
        <v>7</v>
      </c>
      <c r="AI129" s="156"/>
      <c r="AJ129" s="92"/>
      <c r="AK129" s="92"/>
      <c r="AL129" s="92"/>
      <c r="AM129" s="92"/>
      <c r="AN129" s="148"/>
      <c r="AO129" s="92"/>
      <c r="AP129" s="145"/>
    </row>
    <row r="130" spans="1:42" ht="15.95" customHeight="1" x14ac:dyDescent="0.15">
      <c r="A130" s="234"/>
      <c r="E130" s="227"/>
      <c r="F130" s="132"/>
      <c r="G130" s="132"/>
      <c r="H130" s="228"/>
      <c r="I130" s="148"/>
      <c r="J130" s="92"/>
      <c r="K130" s="92"/>
      <c r="L130" s="145"/>
      <c r="M130" s="151" t="s">
        <v>7</v>
      </c>
      <c r="N130" s="92" t="s">
        <v>0</v>
      </c>
      <c r="O130" s="156"/>
      <c r="P130" s="194" t="s">
        <v>25</v>
      </c>
      <c r="Q130" s="431"/>
      <c r="R130" s="431"/>
      <c r="S130" s="431"/>
      <c r="T130" s="431"/>
      <c r="U130" s="431"/>
      <c r="V130" s="431"/>
      <c r="W130" s="431"/>
      <c r="X130" s="431"/>
      <c r="Y130" s="431"/>
      <c r="Z130" s="431"/>
      <c r="AA130" s="102" t="s">
        <v>26</v>
      </c>
      <c r="AB130" s="102"/>
      <c r="AC130" s="102"/>
      <c r="AD130" s="102"/>
      <c r="AE130" s="102"/>
      <c r="AF130" s="102"/>
      <c r="AG130" s="145"/>
      <c r="AH130" s="155"/>
      <c r="AI130" s="92"/>
      <c r="AJ130" s="92"/>
      <c r="AK130" s="92"/>
      <c r="AL130" s="92"/>
      <c r="AM130" s="151"/>
      <c r="AN130" s="148"/>
      <c r="AO130" s="92"/>
      <c r="AP130" s="145"/>
    </row>
    <row r="131" spans="1:42" ht="15.95" customHeight="1" x14ac:dyDescent="0.15">
      <c r="A131" s="149"/>
      <c r="E131" s="149"/>
      <c r="I131" s="149"/>
      <c r="M131" s="149"/>
      <c r="AH131" s="149"/>
      <c r="AM131" s="124"/>
      <c r="AN131" s="149"/>
      <c r="AP131" s="104"/>
    </row>
    <row r="132" spans="1:42" ht="15.95" customHeight="1" x14ac:dyDescent="0.15">
      <c r="A132" s="149"/>
      <c r="E132" s="437" t="s">
        <v>175</v>
      </c>
      <c r="F132" s="438"/>
      <c r="G132" s="438"/>
      <c r="H132" s="439"/>
      <c r="I132" s="437" t="s">
        <v>176</v>
      </c>
      <c r="J132" s="438"/>
      <c r="K132" s="438"/>
      <c r="L132" s="439"/>
      <c r="M132" s="138" t="s">
        <v>7</v>
      </c>
      <c r="N132" s="98" t="s">
        <v>265</v>
      </c>
      <c r="O132" s="208"/>
      <c r="P132" s="98"/>
      <c r="Q132" s="206"/>
      <c r="R132" s="98"/>
      <c r="S132" s="98"/>
      <c r="T132" s="208"/>
      <c r="U132" s="206"/>
      <c r="V132" s="208"/>
      <c r="W132" s="206"/>
      <c r="X132" s="140"/>
      <c r="Y132" s="206"/>
      <c r="Z132" s="206"/>
      <c r="AA132" s="140"/>
      <c r="AB132" s="206"/>
      <c r="AC132" s="206"/>
      <c r="AD132" s="206"/>
      <c r="AE132" s="206"/>
      <c r="AF132" s="206"/>
      <c r="AG132" s="142"/>
      <c r="AH132" s="141"/>
      <c r="AI132" s="98"/>
      <c r="AJ132" s="98"/>
      <c r="AK132" s="98"/>
      <c r="AL132" s="98"/>
      <c r="AM132" s="98"/>
      <c r="AN132" s="141"/>
      <c r="AO132" s="98"/>
      <c r="AP132" s="142"/>
    </row>
    <row r="133" spans="1:42" ht="15.95" customHeight="1" x14ac:dyDescent="0.15">
      <c r="A133" s="219"/>
      <c r="B133" s="116"/>
      <c r="C133" s="116"/>
      <c r="D133" s="116"/>
      <c r="E133" s="169"/>
      <c r="F133" s="105"/>
      <c r="G133" s="105"/>
      <c r="H133" s="170"/>
      <c r="I133" s="461" t="s">
        <v>178</v>
      </c>
      <c r="J133" s="462"/>
      <c r="K133" s="462"/>
      <c r="L133" s="463"/>
      <c r="M133" s="167" t="s">
        <v>7</v>
      </c>
      <c r="N133" s="105" t="s">
        <v>266</v>
      </c>
      <c r="O133" s="97"/>
      <c r="P133" s="105"/>
      <c r="Q133" s="96"/>
      <c r="R133" s="105"/>
      <c r="S133" s="105"/>
      <c r="T133" s="97"/>
      <c r="U133" s="96"/>
      <c r="V133" s="97"/>
      <c r="W133" s="96"/>
      <c r="X133" s="126"/>
      <c r="Y133" s="96"/>
      <c r="Z133" s="96"/>
      <c r="AA133" s="126"/>
      <c r="AB133" s="96"/>
      <c r="AC133" s="96"/>
      <c r="AD133" s="96"/>
      <c r="AE133" s="96"/>
      <c r="AF133" s="96"/>
      <c r="AG133" s="170"/>
      <c r="AH133" s="169"/>
      <c r="AI133" s="105"/>
      <c r="AJ133" s="105"/>
      <c r="AK133" s="105"/>
      <c r="AL133" s="105"/>
      <c r="AM133" s="105"/>
      <c r="AN133" s="169"/>
      <c r="AO133" s="105"/>
      <c r="AP133" s="170"/>
    </row>
    <row r="134" spans="1:42" ht="15.95" customHeight="1" x14ac:dyDescent="0.15">
      <c r="A134" s="92" t="s">
        <v>180</v>
      </c>
      <c r="E134" s="92"/>
      <c r="F134" s="92"/>
      <c r="G134" s="92"/>
      <c r="H134" s="92"/>
      <c r="I134" s="92"/>
      <c r="J134" s="92"/>
      <c r="K134" s="92"/>
      <c r="L134" s="92"/>
      <c r="M134" s="175"/>
      <c r="N134" s="151"/>
      <c r="O134" s="92"/>
      <c r="P134" s="103"/>
      <c r="Q134" s="103"/>
      <c r="R134" s="103"/>
      <c r="S134" s="103"/>
      <c r="T134" s="102"/>
      <c r="U134" s="103"/>
      <c r="V134" s="103"/>
      <c r="W134" s="102"/>
      <c r="X134" s="176"/>
      <c r="Y134" s="176"/>
      <c r="Z134" s="176"/>
      <c r="AA134" s="176"/>
      <c r="AB134" s="176"/>
      <c r="AC134" s="176"/>
      <c r="AD134" s="176"/>
      <c r="AE134" s="176"/>
      <c r="AF134" s="176"/>
      <c r="AG134" s="102"/>
      <c r="AH134" s="102"/>
      <c r="AI134" s="92"/>
      <c r="AJ134" s="92"/>
      <c r="AK134" s="92"/>
      <c r="AL134" s="92"/>
      <c r="AM134" s="92"/>
      <c r="AN134" s="92"/>
      <c r="AO134" s="92"/>
    </row>
    <row r="135" spans="1:42" ht="15.95" customHeight="1" x14ac:dyDescent="0.15"/>
    <row r="136" spans="1:42" ht="15.95" customHeight="1" x14ac:dyDescent="0.15"/>
    <row r="137" spans="1:42" ht="15.95" customHeight="1" x14ac:dyDescent="0.15"/>
    <row r="138" spans="1:42" ht="15.95" customHeight="1" x14ac:dyDescent="0.15"/>
    <row r="139" spans="1:42" ht="15.95" customHeight="1" x14ac:dyDescent="0.15"/>
    <row r="140" spans="1:42" ht="15.95" customHeight="1" x14ac:dyDescent="0.15"/>
    <row r="141" spans="1:42" ht="15.95" customHeight="1" x14ac:dyDescent="0.15"/>
    <row r="142" spans="1:42" ht="15.95" customHeight="1" x14ac:dyDescent="0.15"/>
    <row r="143" spans="1:42" ht="15.95" customHeight="1" x14ac:dyDescent="0.15"/>
    <row r="144" spans="1:42" ht="15.95" customHeight="1" x14ac:dyDescent="0.15"/>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row r="287" ht="15.95" customHeight="1" x14ac:dyDescent="0.15"/>
    <row r="288" ht="15.95" customHeight="1" x14ac:dyDescent="0.15"/>
    <row r="289" ht="15.95" customHeight="1" x14ac:dyDescent="0.15"/>
    <row r="290" ht="15.95" customHeight="1" x14ac:dyDescent="0.15"/>
    <row r="291" ht="15.95" customHeight="1" x14ac:dyDescent="0.15"/>
    <row r="292" ht="15.95" customHeight="1" x14ac:dyDescent="0.15"/>
    <row r="293" ht="15.95" customHeight="1" x14ac:dyDescent="0.15"/>
    <row r="294" ht="15.95" customHeight="1" x14ac:dyDescent="0.15"/>
    <row r="295" ht="15.95" customHeight="1" x14ac:dyDescent="0.15"/>
    <row r="296" ht="15.95" customHeight="1" x14ac:dyDescent="0.15"/>
    <row r="297" ht="15.95" customHeight="1" x14ac:dyDescent="0.15"/>
    <row r="298" ht="15.95" customHeight="1" x14ac:dyDescent="0.15"/>
    <row r="299" ht="15.95" customHeight="1" x14ac:dyDescent="0.15"/>
    <row r="300" ht="15.95" customHeight="1" x14ac:dyDescent="0.15"/>
    <row r="301" ht="15.95" customHeight="1" x14ac:dyDescent="0.15"/>
    <row r="302" ht="15.95" customHeight="1" x14ac:dyDescent="0.15"/>
    <row r="303" ht="15.95" customHeight="1" x14ac:dyDescent="0.15"/>
    <row r="304" ht="15.95" customHeight="1" x14ac:dyDescent="0.15"/>
    <row r="305" ht="15.95" customHeight="1" x14ac:dyDescent="0.15"/>
    <row r="306" ht="15.95" customHeight="1" x14ac:dyDescent="0.15"/>
    <row r="307" ht="15.95" customHeight="1" x14ac:dyDescent="0.15"/>
    <row r="308" ht="15.95" customHeight="1" x14ac:dyDescent="0.15"/>
    <row r="309" ht="15.95" customHeight="1" x14ac:dyDescent="0.15"/>
    <row r="310" ht="15.95" customHeight="1" x14ac:dyDescent="0.15"/>
    <row r="311" ht="15.95" customHeight="1" x14ac:dyDescent="0.15"/>
    <row r="312" ht="15.95" customHeight="1" x14ac:dyDescent="0.15"/>
    <row r="313" ht="15.95" customHeight="1" x14ac:dyDescent="0.15"/>
  </sheetData>
  <mergeCells count="225">
    <mergeCell ref="Q130:Z130"/>
    <mergeCell ref="E132:H132"/>
    <mergeCell ref="I132:L132"/>
    <mergeCell ref="I133:L133"/>
    <mergeCell ref="AN3:AP4"/>
    <mergeCell ref="AN59:AP60"/>
    <mergeCell ref="R126:AC126"/>
    <mergeCell ref="E127:H127"/>
    <mergeCell ref="I127:L127"/>
    <mergeCell ref="I128:L128"/>
    <mergeCell ref="Q128:Z128"/>
    <mergeCell ref="I129:L129"/>
    <mergeCell ref="I122:L122"/>
    <mergeCell ref="Q123:Z123"/>
    <mergeCell ref="I124:L124"/>
    <mergeCell ref="P124:X124"/>
    <mergeCell ref="I125:L125"/>
    <mergeCell ref="R125:X125"/>
    <mergeCell ref="O117:AA117"/>
    <mergeCell ref="E118:H118"/>
    <mergeCell ref="I118:L118"/>
    <mergeCell ref="Q119:Z119"/>
    <mergeCell ref="I120:L120"/>
    <mergeCell ref="I121:L121"/>
    <mergeCell ref="Q121:Z121"/>
    <mergeCell ref="I112:L112"/>
    <mergeCell ref="I113:L113"/>
    <mergeCell ref="O113:AA113"/>
    <mergeCell ref="O114:AA114"/>
    <mergeCell ref="I115:L115"/>
    <mergeCell ref="I116:L116"/>
    <mergeCell ref="O116:AA116"/>
    <mergeCell ref="I105:L105"/>
    <mergeCell ref="O105:AA105"/>
    <mergeCell ref="O106:AA106"/>
    <mergeCell ref="I107:L107"/>
    <mergeCell ref="I108:L108"/>
    <mergeCell ref="R111:AA111"/>
    <mergeCell ref="Z102:AC102"/>
    <mergeCell ref="M103:O103"/>
    <mergeCell ref="Q103:S103"/>
    <mergeCell ref="W103:X103"/>
    <mergeCell ref="Z103:AB103"/>
    <mergeCell ref="E104:H104"/>
    <mergeCell ref="I104:L104"/>
    <mergeCell ref="M104:P104"/>
    <mergeCell ref="I101:L101"/>
    <mergeCell ref="M101:P101"/>
    <mergeCell ref="R101:W101"/>
    <mergeCell ref="M102:O102"/>
    <mergeCell ref="Q102:T102"/>
    <mergeCell ref="W102:X102"/>
    <mergeCell ref="Z98:AC98"/>
    <mergeCell ref="M99:O99"/>
    <mergeCell ref="Q99:S99"/>
    <mergeCell ref="W99:X99"/>
    <mergeCell ref="Z99:AB99"/>
    <mergeCell ref="E100:H100"/>
    <mergeCell ref="I100:L100"/>
    <mergeCell ref="M100:N100"/>
    <mergeCell ref="P100:U100"/>
    <mergeCell ref="I97:L97"/>
    <mergeCell ref="M97:P97"/>
    <mergeCell ref="R97:V97"/>
    <mergeCell ref="M98:O98"/>
    <mergeCell ref="Q98:T98"/>
    <mergeCell ref="W98:X98"/>
    <mergeCell ref="M95:O95"/>
    <mergeCell ref="Q95:T95"/>
    <mergeCell ref="W95:X95"/>
    <mergeCell ref="Z95:AC95"/>
    <mergeCell ref="M96:O96"/>
    <mergeCell ref="Q96:S96"/>
    <mergeCell ref="W96:X96"/>
    <mergeCell ref="Z96:AB96"/>
    <mergeCell ref="Z92:AC92"/>
    <mergeCell ref="M93:O93"/>
    <mergeCell ref="Q93:S93"/>
    <mergeCell ref="W93:X93"/>
    <mergeCell ref="Z93:AB93"/>
    <mergeCell ref="I94:L94"/>
    <mergeCell ref="M94:P94"/>
    <mergeCell ref="R94:V94"/>
    <mergeCell ref="I91:L91"/>
    <mergeCell ref="M91:P91"/>
    <mergeCell ref="R91:W91"/>
    <mergeCell ref="M92:O92"/>
    <mergeCell ref="Q92:T92"/>
    <mergeCell ref="W92:X92"/>
    <mergeCell ref="N89:O89"/>
    <mergeCell ref="Q89:S89"/>
    <mergeCell ref="V89:X89"/>
    <mergeCell ref="Z89:AC89"/>
    <mergeCell ref="N90:R90"/>
    <mergeCell ref="T90:AA90"/>
    <mergeCell ref="M87:O87"/>
    <mergeCell ref="Q87:S87"/>
    <mergeCell ref="W87:X87"/>
    <mergeCell ref="Z87:AB87"/>
    <mergeCell ref="E88:H88"/>
    <mergeCell ref="I88:L88"/>
    <mergeCell ref="M88:N88"/>
    <mergeCell ref="P88:S88"/>
    <mergeCell ref="I84:L84"/>
    <mergeCell ref="I85:L85"/>
    <mergeCell ref="M85:N85"/>
    <mergeCell ref="P85:Z85"/>
    <mergeCell ref="M86:O86"/>
    <mergeCell ref="Q86:T86"/>
    <mergeCell ref="W86:X86"/>
    <mergeCell ref="Z86:AA86"/>
    <mergeCell ref="M82:O82"/>
    <mergeCell ref="Q82:S82"/>
    <mergeCell ref="W82:X82"/>
    <mergeCell ref="Z82:AB82"/>
    <mergeCell ref="E83:H83"/>
    <mergeCell ref="I83:L83"/>
    <mergeCell ref="M83:N83"/>
    <mergeCell ref="P83:S83"/>
    <mergeCell ref="W83:X83"/>
    <mergeCell ref="Z83:AC83"/>
    <mergeCell ref="M79:N79"/>
    <mergeCell ref="P79:S79"/>
    <mergeCell ref="I80:L80"/>
    <mergeCell ref="M80:N80"/>
    <mergeCell ref="P80:Z80"/>
    <mergeCell ref="M81:O81"/>
    <mergeCell ref="Q81:T81"/>
    <mergeCell ref="W81:X81"/>
    <mergeCell ref="Z81:AA81"/>
    <mergeCell ref="I77:L77"/>
    <mergeCell ref="M77:N77"/>
    <mergeCell ref="P77:S77"/>
    <mergeCell ref="W77:X77"/>
    <mergeCell ref="Z77:AC77"/>
    <mergeCell ref="I78:L78"/>
    <mergeCell ref="M78:N78"/>
    <mergeCell ref="P78:S78"/>
    <mergeCell ref="W78:X78"/>
    <mergeCell ref="Z78:AC78"/>
    <mergeCell ref="E76:H76"/>
    <mergeCell ref="I76:L76"/>
    <mergeCell ref="M76:N76"/>
    <mergeCell ref="P76:S76"/>
    <mergeCell ref="W76:X76"/>
    <mergeCell ref="Z76:AC76"/>
    <mergeCell ref="A61:D61"/>
    <mergeCell ref="E61:H61"/>
    <mergeCell ref="I61:L61"/>
    <mergeCell ref="E62:H62"/>
    <mergeCell ref="B63:D67"/>
    <mergeCell ref="E63:H63"/>
    <mergeCell ref="E66:H66"/>
    <mergeCell ref="AH59:AM60"/>
    <mergeCell ref="E60:H60"/>
    <mergeCell ref="I60:L60"/>
    <mergeCell ref="M60:AG60"/>
    <mergeCell ref="W53:Z53"/>
    <mergeCell ref="E56:H56"/>
    <mergeCell ref="I56:L56"/>
    <mergeCell ref="I57:L57"/>
    <mergeCell ref="A59:D60"/>
    <mergeCell ref="E59:H59"/>
    <mergeCell ref="I59:AD59"/>
    <mergeCell ref="V49:X49"/>
    <mergeCell ref="AB49:AD49"/>
    <mergeCell ref="I50:L50"/>
    <mergeCell ref="E51:H51"/>
    <mergeCell ref="I51:L51"/>
    <mergeCell ref="I52:L52"/>
    <mergeCell ref="X52:AA52"/>
    <mergeCell ref="I43:L43"/>
    <mergeCell ref="V44:W44"/>
    <mergeCell ref="AB44:AC44"/>
    <mergeCell ref="E46:H46"/>
    <mergeCell ref="I46:L46"/>
    <mergeCell ref="E47:H47"/>
    <mergeCell ref="I47:L47"/>
    <mergeCell ref="V47:X47"/>
    <mergeCell ref="AB47:AD47"/>
    <mergeCell ref="E38:H38"/>
    <mergeCell ref="I38:L38"/>
    <mergeCell ref="Y39:Z39"/>
    <mergeCell ref="AA39:AB39"/>
    <mergeCell ref="E42:H42"/>
    <mergeCell ref="I42:L42"/>
    <mergeCell ref="AB42:AC42"/>
    <mergeCell ref="I32:L32"/>
    <mergeCell ref="E34:H34"/>
    <mergeCell ref="I34:L34"/>
    <mergeCell ref="Z34:AB34"/>
    <mergeCell ref="E37:H37"/>
    <mergeCell ref="I37:L37"/>
    <mergeCell ref="E24:H24"/>
    <mergeCell ref="I24:L24"/>
    <mergeCell ref="E25:H25"/>
    <mergeCell ref="Q25:AD25"/>
    <mergeCell ref="Q28:AD28"/>
    <mergeCell ref="E29:H29"/>
    <mergeCell ref="I29:L29"/>
    <mergeCell ref="V16:Z16"/>
    <mergeCell ref="E19:H19"/>
    <mergeCell ref="I19:L19"/>
    <mergeCell ref="I20:L20"/>
    <mergeCell ref="E23:H23"/>
    <mergeCell ref="I23:L23"/>
    <mergeCell ref="AH3:AM4"/>
    <mergeCell ref="U6:AC6"/>
    <mergeCell ref="W7:AC7"/>
    <mergeCell ref="B8:D15"/>
    <mergeCell ref="Q8:AC8"/>
    <mergeCell ref="V9:Z9"/>
    <mergeCell ref="W11:AC11"/>
    <mergeCell ref="V13:Z13"/>
    <mergeCell ref="E4:H4"/>
    <mergeCell ref="I4:L4"/>
    <mergeCell ref="M4:AG4"/>
    <mergeCell ref="A5:D5"/>
    <mergeCell ref="E5:H5"/>
    <mergeCell ref="I5:L6"/>
    <mergeCell ref="A6:D6"/>
    <mergeCell ref="E6:H6"/>
    <mergeCell ref="A3:D4"/>
    <mergeCell ref="E3:H3"/>
    <mergeCell ref="I3:AD3"/>
  </mergeCells>
  <phoneticPr fontId="20"/>
  <dataValidations count="1">
    <dataValidation type="list" allowBlank="1" showInputMessage="1" showErrorMessage="1" sqref="AM5:AM6 AM8 AM26 A63 AM54 AM88:AM89 AM103:AM105 AM91 AM107 AM121 AM127:AM128 AM19:AM20 N108:N111 R118 M122:M123 M127 AM40:AM41 S11 AC9:AC10 R9:R10 R16:R17 R13:R14 M18 S21:S22 AC16:AC17 AC21 W23:W24 M118:M120 AM49 AM29:AM30 AM46:AM47 AM51:AM52 AM76:AM77 AM83:AM84 AM79 AM100:AM101 AM118:AM119 A8 N68 AM86 AM130 N58 AH5:AH7 AH29:AH30 AH46:AH48 AH51:AH54 N134 AM32:AM35 N63:N65 AH61:AH65 AH76:AH79 AH83:AH86 AH88:AH91 AH100:AH106 AH118:AH122 AH127:AH129 X56:X57 N35:N36 M132:M133 M66:M67 X132:X133 AA56:AA57 J2 AH34:AH42 W19 Z19 Q23:Q24 Q26:Q27 W26 AM22:AM24 AH19:AH24 S54 AM37:AM38 AC43 Z43 O53:O54 AB51 Y51 Y55 O48 T5 Y5 P6 Q7 AC13:AC14 M61 M129:M130 O70:O72 O74:O75 R29 U29 X30 S30 N30 N32 O50 X46 AA46 AB55 M56:M57 AA132:AA133 N38:N40 AH2">
      <formula1>"□,■"</formula1>
    </dataValidation>
  </dataValidations>
  <pageMargins left="0.39370078740157483" right="0.19685039370078741" top="0.19685039370078741" bottom="0.19685039370078741" header="0.39370078740157483" footer="0.39370078740157483"/>
  <pageSetup paperSize="9" scale="88" orientation="portrait" horizontalDpi="300" verticalDpi="300" r:id="rId1"/>
  <rowBreaks count="2" manualBreakCount="2">
    <brk id="50" max="41" man="1"/>
    <brk id="99" max="41" man="1"/>
  </row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tint="0.79998168889431442"/>
  </sheetPr>
  <dimension ref="A1:AP286"/>
  <sheetViews>
    <sheetView showGridLines="0" view="pageBreakPreview" zoomScale="85" zoomScaleNormal="85" zoomScaleSheetLayoutView="85" workbookViewId="0"/>
  </sheetViews>
  <sheetFormatPr defaultRowHeight="12" x14ac:dyDescent="0.15"/>
  <cols>
    <col min="1" max="42" width="2.625" style="91" customWidth="1"/>
    <col min="43" max="16384" width="9" style="91"/>
  </cols>
  <sheetData>
    <row r="1" spans="1:42" ht="30" customHeight="1" x14ac:dyDescent="0.15">
      <c r="A1" s="87" t="s">
        <v>267</v>
      </c>
      <c r="B1" s="88"/>
      <c r="C1" s="88"/>
      <c r="D1" s="88"/>
      <c r="E1" s="88"/>
      <c r="F1" s="88"/>
      <c r="G1" s="88"/>
      <c r="H1" s="88"/>
      <c r="I1" s="88"/>
      <c r="J1" s="88"/>
      <c r="K1" s="88"/>
      <c r="L1" s="88"/>
      <c r="M1" s="88"/>
      <c r="N1" s="88"/>
      <c r="O1" s="88"/>
      <c r="P1" s="88"/>
      <c r="Q1" s="88"/>
      <c r="R1" s="88"/>
      <c r="S1" s="88"/>
      <c r="T1" s="88"/>
      <c r="U1" s="88"/>
      <c r="V1" s="88"/>
      <c r="W1" s="88"/>
      <c r="X1" s="88"/>
      <c r="Y1" s="88"/>
      <c r="Z1" s="88"/>
      <c r="AA1" s="88"/>
      <c r="AB1" s="88"/>
      <c r="AC1" s="88"/>
      <c r="AD1" s="88"/>
      <c r="AE1" s="88"/>
      <c r="AF1" s="88"/>
      <c r="AG1" s="88"/>
      <c r="AH1" s="88"/>
      <c r="AI1" s="88"/>
      <c r="AJ1" s="88"/>
      <c r="AK1" s="89"/>
      <c r="AL1" s="92"/>
      <c r="AM1" s="92"/>
      <c r="AP1" s="90" t="s">
        <v>268</v>
      </c>
    </row>
    <row r="2" spans="1:42" ht="15.95" customHeight="1" x14ac:dyDescent="0.15">
      <c r="A2" s="248"/>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343"/>
      <c r="AB2" s="343"/>
      <c r="AC2" s="343"/>
      <c r="AD2" s="343"/>
      <c r="AE2" s="343"/>
      <c r="AF2" s="343"/>
      <c r="AG2" s="343"/>
      <c r="AH2" s="343"/>
      <c r="AI2" s="343"/>
      <c r="AJ2" s="343"/>
      <c r="AK2" s="343"/>
      <c r="AL2" s="92"/>
      <c r="AM2" s="92"/>
    </row>
    <row r="3" spans="1:42" ht="15.95" customHeight="1" x14ac:dyDescent="0.15">
      <c r="A3" s="452" t="s">
        <v>55</v>
      </c>
      <c r="B3" s="453"/>
      <c r="C3" s="453"/>
      <c r="D3" s="454"/>
      <c r="E3" s="437" t="s">
        <v>56</v>
      </c>
      <c r="F3" s="438"/>
      <c r="G3" s="438"/>
      <c r="H3" s="439"/>
      <c r="I3" s="458" t="s">
        <v>774</v>
      </c>
      <c r="J3" s="459"/>
      <c r="K3" s="459"/>
      <c r="L3" s="459"/>
      <c r="M3" s="459"/>
      <c r="N3" s="459"/>
      <c r="O3" s="459"/>
      <c r="P3" s="459"/>
      <c r="Q3" s="459"/>
      <c r="R3" s="459"/>
      <c r="S3" s="459"/>
      <c r="T3" s="459"/>
      <c r="U3" s="459"/>
      <c r="V3" s="459"/>
      <c r="W3" s="459"/>
      <c r="X3" s="459"/>
      <c r="Y3" s="459"/>
      <c r="Z3" s="459"/>
      <c r="AA3" s="459"/>
      <c r="AB3" s="459"/>
      <c r="AC3" s="459"/>
      <c r="AD3" s="459"/>
      <c r="AE3" s="459"/>
      <c r="AF3" s="452" t="s">
        <v>59</v>
      </c>
      <c r="AG3" s="453"/>
      <c r="AH3" s="453"/>
      <c r="AI3" s="453"/>
      <c r="AJ3" s="453"/>
      <c r="AK3" s="453"/>
      <c r="AL3" s="453"/>
      <c r="AM3" s="454"/>
      <c r="AN3" s="452" t="s">
        <v>60</v>
      </c>
      <c r="AO3" s="453"/>
      <c r="AP3" s="454"/>
    </row>
    <row r="4" spans="1:42" ht="15.95" customHeight="1" x14ac:dyDescent="0.15">
      <c r="A4" s="494"/>
      <c r="B4" s="431"/>
      <c r="C4" s="431"/>
      <c r="D4" s="495"/>
      <c r="E4" s="449" t="s">
        <v>61</v>
      </c>
      <c r="F4" s="450"/>
      <c r="G4" s="450"/>
      <c r="H4" s="451"/>
      <c r="I4" s="437" t="s">
        <v>61</v>
      </c>
      <c r="J4" s="438"/>
      <c r="K4" s="438"/>
      <c r="L4" s="439"/>
      <c r="M4" s="452" t="s">
        <v>60</v>
      </c>
      <c r="N4" s="453"/>
      <c r="O4" s="453"/>
      <c r="P4" s="453"/>
      <c r="Q4" s="453"/>
      <c r="R4" s="453"/>
      <c r="S4" s="453"/>
      <c r="T4" s="453"/>
      <c r="U4" s="453"/>
      <c r="V4" s="453"/>
      <c r="W4" s="453"/>
      <c r="X4" s="453"/>
      <c r="Y4" s="453"/>
      <c r="Z4" s="453"/>
      <c r="AA4" s="453"/>
      <c r="AB4" s="453"/>
      <c r="AC4" s="453"/>
      <c r="AD4" s="453"/>
      <c r="AE4" s="453"/>
      <c r="AF4" s="455"/>
      <c r="AG4" s="456"/>
      <c r="AH4" s="456"/>
      <c r="AI4" s="456"/>
      <c r="AJ4" s="456"/>
      <c r="AK4" s="456"/>
      <c r="AL4" s="456"/>
      <c r="AM4" s="457"/>
      <c r="AN4" s="494" t="s">
        <v>62</v>
      </c>
      <c r="AO4" s="431"/>
      <c r="AP4" s="495"/>
    </row>
    <row r="5" spans="1:42" ht="15.95" customHeight="1" x14ac:dyDescent="0.15">
      <c r="A5" s="437" t="s">
        <v>269</v>
      </c>
      <c r="B5" s="438"/>
      <c r="C5" s="438"/>
      <c r="D5" s="439"/>
      <c r="E5" s="309"/>
      <c r="F5" s="269"/>
      <c r="G5" s="269"/>
      <c r="H5" s="270"/>
      <c r="I5" s="310"/>
      <c r="J5" s="221"/>
      <c r="K5" s="221"/>
      <c r="L5" s="209"/>
      <c r="M5" s="263"/>
      <c r="N5" s="208"/>
      <c r="O5" s="98"/>
      <c r="P5" s="98"/>
      <c r="Q5" s="114"/>
      <c r="R5" s="208"/>
      <c r="S5" s="208"/>
      <c r="T5" s="208"/>
      <c r="U5" s="208"/>
      <c r="V5" s="208"/>
      <c r="W5" s="208"/>
      <c r="X5" s="208"/>
      <c r="Y5" s="208"/>
      <c r="Z5" s="208"/>
      <c r="AA5" s="208"/>
      <c r="AB5" s="208"/>
      <c r="AC5" s="206"/>
      <c r="AD5" s="208"/>
      <c r="AE5" s="262"/>
      <c r="AF5" s="206"/>
      <c r="AG5" s="98"/>
      <c r="AH5" s="98"/>
      <c r="AI5" s="98"/>
      <c r="AJ5" s="114"/>
      <c r="AK5" s="98"/>
      <c r="AL5" s="98"/>
      <c r="AM5" s="98"/>
      <c r="AN5" s="263"/>
      <c r="AO5" s="114"/>
      <c r="AP5" s="99"/>
    </row>
    <row r="6" spans="1:42" ht="15.95" customHeight="1" x14ac:dyDescent="0.15">
      <c r="A6" s="149"/>
      <c r="E6" s="250"/>
      <c r="F6" s="232"/>
      <c r="G6" s="232"/>
      <c r="H6" s="233"/>
      <c r="I6" s="121"/>
      <c r="J6" s="124"/>
      <c r="K6" s="124"/>
      <c r="L6" s="157"/>
      <c r="M6" s="148"/>
      <c r="N6" s="92" t="s">
        <v>270</v>
      </c>
      <c r="O6" s="92"/>
      <c r="P6" s="92"/>
      <c r="Q6" s="92"/>
      <c r="R6" s="92"/>
      <c r="S6" s="92"/>
      <c r="T6" s="102"/>
      <c r="U6" s="103"/>
      <c r="Y6" s="103"/>
      <c r="Z6" s="103"/>
      <c r="AA6" s="103"/>
      <c r="AB6" s="103"/>
      <c r="AC6" s="102"/>
      <c r="AD6" s="103"/>
      <c r="AE6" s="251"/>
      <c r="AF6" s="102"/>
      <c r="AG6" s="92"/>
      <c r="AH6" s="92"/>
      <c r="AI6" s="92"/>
      <c r="AK6" s="92"/>
      <c r="AL6" s="92"/>
      <c r="AM6" s="92"/>
      <c r="AN6" s="149"/>
      <c r="AP6" s="104"/>
    </row>
    <row r="7" spans="1:42" ht="15.95" customHeight="1" x14ac:dyDescent="0.15">
      <c r="A7" s="219"/>
      <c r="B7" s="116"/>
      <c r="C7" s="116"/>
      <c r="D7" s="116"/>
      <c r="E7" s="275"/>
      <c r="F7" s="276"/>
      <c r="G7" s="276"/>
      <c r="H7" s="277"/>
      <c r="I7" s="377"/>
      <c r="J7" s="378"/>
      <c r="K7" s="378"/>
      <c r="L7" s="379"/>
      <c r="M7" s="212"/>
      <c r="N7" s="97"/>
      <c r="O7" s="97"/>
      <c r="P7" s="97"/>
      <c r="Q7" s="97"/>
      <c r="R7" s="116"/>
      <c r="S7" s="96"/>
      <c r="T7" s="97"/>
      <c r="U7" s="116"/>
      <c r="V7" s="97"/>
      <c r="W7" s="97"/>
      <c r="X7" s="116"/>
      <c r="Y7" s="116"/>
      <c r="Z7" s="116"/>
      <c r="AA7" s="116"/>
      <c r="AB7" s="116"/>
      <c r="AC7" s="96"/>
      <c r="AD7" s="97"/>
      <c r="AE7" s="191"/>
      <c r="AF7" s="97"/>
      <c r="AG7" s="105"/>
      <c r="AH7" s="105"/>
      <c r="AI7" s="105"/>
      <c r="AJ7" s="105"/>
      <c r="AK7" s="105"/>
      <c r="AL7" s="105"/>
      <c r="AM7" s="105"/>
      <c r="AN7" s="219"/>
      <c r="AO7" s="116"/>
      <c r="AP7" s="106"/>
    </row>
    <row r="8" spans="1:42" ht="15.95" customHeight="1" x14ac:dyDescent="0.15">
      <c r="A8" s="437" t="s">
        <v>271</v>
      </c>
      <c r="B8" s="438"/>
      <c r="C8" s="438"/>
      <c r="D8" s="439"/>
      <c r="E8" s="438" t="s">
        <v>272</v>
      </c>
      <c r="F8" s="438"/>
      <c r="G8" s="438"/>
      <c r="H8" s="439"/>
      <c r="I8" s="437" t="s">
        <v>130</v>
      </c>
      <c r="J8" s="438"/>
      <c r="K8" s="438"/>
      <c r="L8" s="439"/>
      <c r="M8" s="140" t="s">
        <v>7</v>
      </c>
      <c r="N8" s="208" t="s">
        <v>273</v>
      </c>
      <c r="O8" s="208"/>
      <c r="P8" s="207" t="s">
        <v>25</v>
      </c>
      <c r="Q8" s="140" t="s">
        <v>7</v>
      </c>
      <c r="R8" s="98" t="s">
        <v>1</v>
      </c>
      <c r="S8" s="208"/>
      <c r="T8" s="140" t="s">
        <v>7</v>
      </c>
      <c r="U8" s="98" t="s">
        <v>274</v>
      </c>
      <c r="V8" s="208"/>
      <c r="W8" s="98"/>
      <c r="X8" s="98"/>
      <c r="Y8" s="206"/>
      <c r="Z8" s="98"/>
      <c r="AA8" s="98"/>
      <c r="AB8" s="98"/>
      <c r="AC8" s="98"/>
      <c r="AD8" s="207"/>
      <c r="AE8" s="262" t="s">
        <v>26</v>
      </c>
      <c r="AF8" s="138" t="s">
        <v>7</v>
      </c>
      <c r="AG8" s="98" t="s">
        <v>69</v>
      </c>
      <c r="AH8" s="98"/>
      <c r="AI8" s="98"/>
      <c r="AJ8" s="140"/>
      <c r="AK8" s="240"/>
      <c r="AL8" s="98"/>
      <c r="AM8" s="98"/>
      <c r="AN8" s="141"/>
      <c r="AO8" s="98"/>
      <c r="AP8" s="142"/>
    </row>
    <row r="9" spans="1:42" ht="15.95" customHeight="1" x14ac:dyDescent="0.15">
      <c r="A9" s="449" t="s">
        <v>275</v>
      </c>
      <c r="B9" s="450"/>
      <c r="C9" s="450"/>
      <c r="D9" s="451"/>
      <c r="E9" s="153" t="s">
        <v>832</v>
      </c>
      <c r="F9" s="153"/>
      <c r="G9" s="153"/>
      <c r="H9" s="154"/>
      <c r="I9" s="449" t="s">
        <v>276</v>
      </c>
      <c r="J9" s="450"/>
      <c r="K9" s="450"/>
      <c r="L9" s="451"/>
      <c r="M9" s="146" t="s">
        <v>7</v>
      </c>
      <c r="N9" s="103" t="s">
        <v>277</v>
      </c>
      <c r="O9" s="103"/>
      <c r="P9" s="175" t="s">
        <v>25</v>
      </c>
      <c r="Q9" s="151" t="s">
        <v>54</v>
      </c>
      <c r="R9" s="92" t="s">
        <v>1</v>
      </c>
      <c r="S9" s="103"/>
      <c r="T9" s="151" t="s">
        <v>7</v>
      </c>
      <c r="U9" s="92" t="s">
        <v>274</v>
      </c>
      <c r="V9" s="103"/>
      <c r="W9" s="92"/>
      <c r="X9" s="92"/>
      <c r="Y9" s="102"/>
      <c r="Z9" s="92"/>
      <c r="AA9" s="92"/>
      <c r="AB9" s="92"/>
      <c r="AC9" s="92"/>
      <c r="AD9" s="175"/>
      <c r="AE9" s="251" t="s">
        <v>26</v>
      </c>
      <c r="AF9" s="146" t="s">
        <v>7</v>
      </c>
      <c r="AG9" s="92" t="s">
        <v>278</v>
      </c>
      <c r="AH9" s="92"/>
      <c r="AI9" s="92"/>
      <c r="AJ9" s="151"/>
      <c r="AK9" s="92"/>
      <c r="AL9" s="92"/>
      <c r="AM9" s="92"/>
      <c r="AN9" s="148"/>
      <c r="AO9" s="92"/>
      <c r="AP9" s="145"/>
    </row>
    <row r="10" spans="1:42" ht="15.95" customHeight="1" x14ac:dyDescent="0.15">
      <c r="A10" s="494" t="s">
        <v>279</v>
      </c>
      <c r="B10" s="431"/>
      <c r="C10" s="431"/>
      <c r="D10" s="495"/>
      <c r="E10" s="148"/>
      <c r="F10" s="92"/>
      <c r="G10" s="92"/>
      <c r="H10" s="145"/>
      <c r="I10" s="449"/>
      <c r="J10" s="450"/>
      <c r="K10" s="450"/>
      <c r="L10" s="451"/>
      <c r="M10" s="146" t="s">
        <v>7</v>
      </c>
      <c r="N10" s="103" t="s">
        <v>280</v>
      </c>
      <c r="O10" s="103"/>
      <c r="P10" s="175" t="s">
        <v>25</v>
      </c>
      <c r="Q10" s="151" t="s">
        <v>54</v>
      </c>
      <c r="R10" s="92" t="s">
        <v>1</v>
      </c>
      <c r="S10" s="103"/>
      <c r="T10" s="151" t="s">
        <v>7</v>
      </c>
      <c r="U10" s="92" t="s">
        <v>274</v>
      </c>
      <c r="V10" s="103"/>
      <c r="W10" s="92"/>
      <c r="X10" s="92"/>
      <c r="Y10" s="102"/>
      <c r="Z10" s="92"/>
      <c r="AA10" s="92"/>
      <c r="AB10" s="92"/>
      <c r="AC10" s="92"/>
      <c r="AD10" s="175"/>
      <c r="AE10" s="251" t="s">
        <v>26</v>
      </c>
      <c r="AF10" s="146" t="s">
        <v>7</v>
      </c>
      <c r="AG10" s="92" t="s">
        <v>122</v>
      </c>
      <c r="AH10" s="92"/>
      <c r="AI10" s="92"/>
      <c r="AJ10" s="92"/>
      <c r="AK10" s="92"/>
      <c r="AL10" s="92"/>
      <c r="AM10" s="92"/>
      <c r="AN10" s="148"/>
      <c r="AO10" s="92"/>
      <c r="AP10" s="145"/>
    </row>
    <row r="11" spans="1:42" ht="15.95" customHeight="1" x14ac:dyDescent="0.15">
      <c r="A11" s="496" t="s">
        <v>281</v>
      </c>
      <c r="B11" s="497"/>
      <c r="C11" s="497"/>
      <c r="D11" s="498"/>
      <c r="E11" s="148"/>
      <c r="F11" s="92"/>
      <c r="G11" s="92"/>
      <c r="H11" s="145"/>
      <c r="I11" s="162"/>
      <c r="J11" s="153"/>
      <c r="K11" s="153"/>
      <c r="L11" s="154"/>
      <c r="M11" s="167"/>
      <c r="N11" s="97"/>
      <c r="O11" s="97"/>
      <c r="P11" s="253"/>
      <c r="Q11" s="126"/>
      <c r="R11" s="105"/>
      <c r="S11" s="97"/>
      <c r="T11" s="126"/>
      <c r="U11" s="105"/>
      <c r="V11" s="97"/>
      <c r="W11" s="105"/>
      <c r="X11" s="105"/>
      <c r="Y11" s="96"/>
      <c r="Z11" s="105"/>
      <c r="AA11" s="105"/>
      <c r="AB11" s="105"/>
      <c r="AC11" s="105"/>
      <c r="AD11" s="253"/>
      <c r="AE11" s="191"/>
      <c r="AF11" s="146"/>
      <c r="AG11" s="92"/>
      <c r="AH11" s="92"/>
      <c r="AI11" s="92"/>
      <c r="AJ11" s="126"/>
      <c r="AK11" s="97"/>
      <c r="AL11" s="105"/>
      <c r="AM11" s="105"/>
      <c r="AN11" s="148"/>
      <c r="AO11" s="92"/>
      <c r="AP11" s="145"/>
    </row>
    <row r="12" spans="1:42" ht="15.95" customHeight="1" x14ac:dyDescent="0.15">
      <c r="A12" s="148"/>
      <c r="B12" s="92"/>
      <c r="C12" s="92"/>
      <c r="D12" s="92"/>
      <c r="E12" s="437" t="s">
        <v>531</v>
      </c>
      <c r="F12" s="499"/>
      <c r="G12" s="499"/>
      <c r="H12" s="500"/>
      <c r="I12" s="501" t="s">
        <v>739</v>
      </c>
      <c r="J12" s="502"/>
      <c r="K12" s="502"/>
      <c r="L12" s="503"/>
      <c r="M12" s="151" t="s">
        <v>7</v>
      </c>
      <c r="N12" s="103" t="s">
        <v>273</v>
      </c>
      <c r="O12" s="103"/>
      <c r="P12" s="175" t="s">
        <v>25</v>
      </c>
      <c r="Q12" s="151" t="s">
        <v>54</v>
      </c>
      <c r="R12" s="92" t="s">
        <v>1</v>
      </c>
      <c r="S12" s="103"/>
      <c r="T12" s="151" t="s">
        <v>7</v>
      </c>
      <c r="U12" s="92" t="s">
        <v>274</v>
      </c>
      <c r="V12" s="103"/>
      <c r="W12" s="92"/>
      <c r="X12" s="92"/>
      <c r="Y12" s="102"/>
      <c r="Z12" s="92"/>
      <c r="AA12" s="92"/>
      <c r="AB12" s="92"/>
      <c r="AC12" s="92"/>
      <c r="AD12" s="175"/>
      <c r="AE12" s="251" t="s">
        <v>26</v>
      </c>
      <c r="AF12" s="138" t="s">
        <v>7</v>
      </c>
      <c r="AG12" s="98" t="s">
        <v>69</v>
      </c>
      <c r="AH12" s="98"/>
      <c r="AI12" s="98"/>
      <c r="AJ12" s="151"/>
      <c r="AK12" s="156"/>
      <c r="AL12" s="92"/>
      <c r="AM12" s="92"/>
      <c r="AN12" s="141"/>
      <c r="AO12" s="98"/>
      <c r="AP12" s="142"/>
    </row>
    <row r="13" spans="1:42" ht="15.95" customHeight="1" x14ac:dyDescent="0.15">
      <c r="A13" s="146" t="s">
        <v>7</v>
      </c>
      <c r="B13" s="538" t="s">
        <v>667</v>
      </c>
      <c r="C13" s="538"/>
      <c r="D13" s="539"/>
      <c r="E13" s="148" t="s">
        <v>832</v>
      </c>
      <c r="F13" s="124"/>
      <c r="G13" s="124"/>
      <c r="H13" s="157"/>
      <c r="I13" s="449" t="s">
        <v>282</v>
      </c>
      <c r="J13" s="477"/>
      <c r="K13" s="477"/>
      <c r="L13" s="478"/>
      <c r="M13" s="151" t="s">
        <v>7</v>
      </c>
      <c r="N13" s="103" t="s">
        <v>277</v>
      </c>
      <c r="O13" s="103"/>
      <c r="P13" s="175" t="s">
        <v>25</v>
      </c>
      <c r="Q13" s="151" t="s">
        <v>54</v>
      </c>
      <c r="R13" s="92" t="s">
        <v>1</v>
      </c>
      <c r="S13" s="103"/>
      <c r="T13" s="151" t="s">
        <v>7</v>
      </c>
      <c r="U13" s="92" t="s">
        <v>274</v>
      </c>
      <c r="V13" s="103"/>
      <c r="W13" s="92"/>
      <c r="X13" s="92"/>
      <c r="Y13" s="102"/>
      <c r="Z13" s="92"/>
      <c r="AA13" s="92"/>
      <c r="AB13" s="92"/>
      <c r="AC13" s="92"/>
      <c r="AD13" s="175"/>
      <c r="AE13" s="251" t="s">
        <v>26</v>
      </c>
      <c r="AF13" s="146" t="s">
        <v>7</v>
      </c>
      <c r="AG13" s="92" t="s">
        <v>278</v>
      </c>
      <c r="AH13" s="92"/>
      <c r="AI13" s="92"/>
      <c r="AJ13" s="151"/>
      <c r="AK13" s="92"/>
      <c r="AL13" s="92"/>
      <c r="AM13" s="92"/>
      <c r="AN13" s="148"/>
      <c r="AO13" s="92"/>
      <c r="AP13" s="145"/>
    </row>
    <row r="14" spans="1:42" ht="15.95" customHeight="1" x14ac:dyDescent="0.15">
      <c r="A14" s="121"/>
      <c r="B14" s="538"/>
      <c r="C14" s="538"/>
      <c r="D14" s="539"/>
      <c r="E14" s="148"/>
      <c r="F14" s="92"/>
      <c r="G14" s="92"/>
      <c r="H14" s="145"/>
      <c r="I14" s="449" t="s">
        <v>283</v>
      </c>
      <c r="J14" s="450"/>
      <c r="K14" s="450"/>
      <c r="L14" s="451"/>
      <c r="M14" s="151" t="s">
        <v>7</v>
      </c>
      <c r="N14" s="103" t="s">
        <v>280</v>
      </c>
      <c r="O14" s="103"/>
      <c r="P14" s="175" t="s">
        <v>25</v>
      </c>
      <c r="Q14" s="151" t="s">
        <v>54</v>
      </c>
      <c r="R14" s="92" t="s">
        <v>1</v>
      </c>
      <c r="S14" s="103"/>
      <c r="T14" s="151" t="s">
        <v>7</v>
      </c>
      <c r="U14" s="92" t="s">
        <v>274</v>
      </c>
      <c r="V14" s="103"/>
      <c r="W14" s="92"/>
      <c r="X14" s="92"/>
      <c r="Y14" s="102"/>
      <c r="Z14" s="92"/>
      <c r="AA14" s="92"/>
      <c r="AB14" s="92"/>
      <c r="AC14" s="92"/>
      <c r="AD14" s="175"/>
      <c r="AE14" s="251" t="s">
        <v>26</v>
      </c>
      <c r="AF14" s="146" t="s">
        <v>54</v>
      </c>
      <c r="AG14" s="92"/>
      <c r="AH14" s="92"/>
      <c r="AJ14" s="92"/>
      <c r="AK14" s="92"/>
      <c r="AL14" s="92"/>
      <c r="AM14" s="92"/>
      <c r="AN14" s="148"/>
      <c r="AO14" s="92"/>
      <c r="AP14" s="145"/>
    </row>
    <row r="15" spans="1:42" ht="15.95" customHeight="1" x14ac:dyDescent="0.15">
      <c r="A15" s="149"/>
      <c r="B15" s="538"/>
      <c r="C15" s="538"/>
      <c r="D15" s="539"/>
      <c r="E15" s="148"/>
      <c r="F15" s="92"/>
      <c r="G15" s="92"/>
      <c r="H15" s="145"/>
      <c r="I15" s="162"/>
      <c r="J15" s="92"/>
      <c r="K15" s="92"/>
      <c r="L15" s="145"/>
      <c r="M15" s="151" t="s">
        <v>54</v>
      </c>
      <c r="N15" s="254" t="s">
        <v>833</v>
      </c>
      <c r="O15" s="103"/>
      <c r="P15" s="103"/>
      <c r="Q15" s="103"/>
      <c r="R15" s="92"/>
      <c r="S15" s="103"/>
      <c r="T15" s="103"/>
      <c r="U15" s="103"/>
      <c r="V15" s="92"/>
      <c r="W15" s="102"/>
      <c r="X15" s="102"/>
      <c r="Y15" s="102"/>
      <c r="Z15" s="102"/>
      <c r="AA15" s="102"/>
      <c r="AB15" s="102"/>
      <c r="AC15" s="102"/>
      <c r="AD15" s="102"/>
      <c r="AE15" s="152"/>
      <c r="AJ15" s="151"/>
      <c r="AK15" s="103"/>
      <c r="AL15" s="92"/>
      <c r="AM15" s="92"/>
      <c r="AN15" s="148"/>
      <c r="AO15" s="92"/>
      <c r="AP15" s="145"/>
    </row>
    <row r="16" spans="1:42" ht="15.95" customHeight="1" x14ac:dyDescent="0.15">
      <c r="A16" s="149"/>
      <c r="B16" s="538"/>
      <c r="C16" s="538"/>
      <c r="D16" s="539"/>
      <c r="E16" s="438" t="s">
        <v>284</v>
      </c>
      <c r="F16" s="499"/>
      <c r="G16" s="499"/>
      <c r="H16" s="500"/>
      <c r="I16" s="437" t="s">
        <v>285</v>
      </c>
      <c r="J16" s="499"/>
      <c r="K16" s="499"/>
      <c r="L16" s="500"/>
      <c r="M16" s="134" t="s">
        <v>66</v>
      </c>
      <c r="N16" s="208" t="s">
        <v>286</v>
      </c>
      <c r="O16" s="208"/>
      <c r="P16" s="208"/>
      <c r="Q16" s="208"/>
      <c r="R16" s="98"/>
      <c r="S16" s="208"/>
      <c r="T16" s="208"/>
      <c r="U16" s="208"/>
      <c r="V16" s="98"/>
      <c r="W16" s="206"/>
      <c r="X16" s="206"/>
      <c r="Y16" s="206"/>
      <c r="Z16" s="206"/>
      <c r="AA16" s="206"/>
      <c r="AB16" s="206"/>
      <c r="AC16" s="206"/>
      <c r="AD16" s="206"/>
      <c r="AE16" s="217"/>
      <c r="AF16" s="138" t="s">
        <v>7</v>
      </c>
      <c r="AG16" s="98" t="s">
        <v>287</v>
      </c>
      <c r="AH16" s="98"/>
      <c r="AI16" s="98"/>
      <c r="AJ16" s="140"/>
      <c r="AK16" s="240"/>
      <c r="AL16" s="98"/>
      <c r="AM16" s="98"/>
      <c r="AN16" s="141"/>
      <c r="AO16" s="98"/>
      <c r="AP16" s="142"/>
    </row>
    <row r="17" spans="1:42" ht="15.95" customHeight="1" x14ac:dyDescent="0.15">
      <c r="A17" s="149"/>
      <c r="B17" s="255"/>
      <c r="C17" s="255"/>
      <c r="D17" s="256"/>
      <c r="E17" s="153"/>
      <c r="F17" s="153"/>
      <c r="G17" s="153"/>
      <c r="H17" s="154"/>
      <c r="I17" s="449" t="s">
        <v>288</v>
      </c>
      <c r="J17" s="477"/>
      <c r="K17" s="477"/>
      <c r="L17" s="478"/>
      <c r="M17" s="155"/>
      <c r="N17" s="175" t="s">
        <v>94</v>
      </c>
      <c r="O17" s="151" t="s">
        <v>7</v>
      </c>
      <c r="P17" s="103" t="s">
        <v>289</v>
      </c>
      <c r="Q17" s="103"/>
      <c r="R17" s="92"/>
      <c r="S17" s="103"/>
      <c r="T17" s="103"/>
      <c r="U17" s="151" t="s">
        <v>54</v>
      </c>
      <c r="V17" s="92" t="s">
        <v>290</v>
      </c>
      <c r="W17" s="102"/>
      <c r="Y17" s="151" t="s">
        <v>54</v>
      </c>
      <c r="Z17" s="103" t="s">
        <v>291</v>
      </c>
      <c r="AA17" s="102"/>
      <c r="AB17" s="102"/>
      <c r="AC17" s="102"/>
      <c r="AD17" s="102"/>
      <c r="AE17" s="152"/>
      <c r="AF17" s="146" t="s">
        <v>7</v>
      </c>
      <c r="AG17" s="92" t="s">
        <v>278</v>
      </c>
      <c r="AH17" s="92"/>
      <c r="AI17" s="92"/>
      <c r="AJ17" s="151"/>
      <c r="AK17" s="92"/>
      <c r="AL17" s="92"/>
      <c r="AM17" s="92"/>
      <c r="AN17" s="148"/>
      <c r="AO17" s="92"/>
      <c r="AP17" s="145"/>
    </row>
    <row r="18" spans="1:42" ht="15.75" customHeight="1" x14ac:dyDescent="0.15">
      <c r="A18" s="149"/>
      <c r="E18" s="162"/>
      <c r="F18" s="153"/>
      <c r="G18" s="153"/>
      <c r="H18" s="154"/>
      <c r="I18" s="162"/>
      <c r="J18" s="103"/>
      <c r="K18" s="103"/>
      <c r="L18" s="251"/>
      <c r="M18" s="155" t="s">
        <v>66</v>
      </c>
      <c r="N18" s="103" t="s">
        <v>292</v>
      </c>
      <c r="O18" s="103"/>
      <c r="P18" s="103"/>
      <c r="Q18" s="103"/>
      <c r="R18" s="92"/>
      <c r="S18" s="103"/>
      <c r="T18" s="103"/>
      <c r="U18" s="103"/>
      <c r="V18" s="92"/>
      <c r="W18" s="102"/>
      <c r="X18" s="102"/>
      <c r="Y18" s="102"/>
      <c r="Z18" s="102"/>
      <c r="AA18" s="102"/>
      <c r="AB18" s="102"/>
      <c r="AC18" s="102"/>
      <c r="AD18" s="102"/>
      <c r="AE18" s="152"/>
      <c r="AF18" s="155"/>
      <c r="AG18" s="92"/>
      <c r="AH18" s="92"/>
      <c r="AI18" s="92"/>
      <c r="AJ18" s="92"/>
      <c r="AK18" s="92"/>
      <c r="AL18" s="92"/>
      <c r="AM18" s="92"/>
      <c r="AN18" s="148"/>
      <c r="AO18" s="92"/>
      <c r="AP18" s="145"/>
    </row>
    <row r="19" spans="1:42" ht="15.75" customHeight="1" x14ac:dyDescent="0.15">
      <c r="A19" s="149"/>
      <c r="B19" s="232"/>
      <c r="C19" s="232"/>
      <c r="D19" s="232"/>
      <c r="E19" s="169"/>
      <c r="F19" s="105"/>
      <c r="G19" s="105"/>
      <c r="H19" s="170"/>
      <c r="I19" s="169"/>
      <c r="J19" s="105"/>
      <c r="K19" s="105"/>
      <c r="L19" s="170"/>
      <c r="M19" s="212"/>
      <c r="N19" s="253" t="s">
        <v>94</v>
      </c>
      <c r="O19" s="126" t="s">
        <v>7</v>
      </c>
      <c r="P19" s="97" t="s">
        <v>293</v>
      </c>
      <c r="Q19" s="97"/>
      <c r="R19" s="105"/>
      <c r="S19" s="116"/>
      <c r="T19" s="116"/>
      <c r="U19" s="126" t="s">
        <v>54</v>
      </c>
      <c r="V19" s="105" t="s">
        <v>290</v>
      </c>
      <c r="W19" s="96"/>
      <c r="X19" s="116"/>
      <c r="Y19" s="126" t="s">
        <v>54</v>
      </c>
      <c r="Z19" s="97" t="s">
        <v>291</v>
      </c>
      <c r="AA19" s="96"/>
      <c r="AB19" s="96"/>
      <c r="AC19" s="96"/>
      <c r="AD19" s="96"/>
      <c r="AE19" s="116"/>
      <c r="AF19" s="212"/>
      <c r="AG19" s="105"/>
      <c r="AH19" s="105"/>
      <c r="AI19" s="105"/>
      <c r="AJ19" s="126"/>
      <c r="AK19" s="97"/>
      <c r="AL19" s="257"/>
      <c r="AM19" s="105"/>
      <c r="AN19" s="169"/>
      <c r="AO19" s="105"/>
      <c r="AP19" s="170"/>
    </row>
    <row r="20" spans="1:42" ht="15.95" customHeight="1" x14ac:dyDescent="0.15">
      <c r="A20" s="162"/>
      <c r="B20" s="232"/>
      <c r="C20" s="232"/>
      <c r="D20" s="233"/>
      <c r="E20" s="504" t="s">
        <v>294</v>
      </c>
      <c r="F20" s="505"/>
      <c r="G20" s="505"/>
      <c r="H20" s="506"/>
      <c r="I20" s="437" t="s">
        <v>295</v>
      </c>
      <c r="J20" s="499"/>
      <c r="K20" s="499"/>
      <c r="L20" s="500"/>
      <c r="M20" s="151" t="s">
        <v>7</v>
      </c>
      <c r="N20" s="103" t="s">
        <v>296</v>
      </c>
      <c r="O20" s="103"/>
      <c r="P20" s="103"/>
      <c r="Q20" s="103" t="s">
        <v>297</v>
      </c>
      <c r="R20" s="92"/>
      <c r="S20" s="103"/>
      <c r="T20" s="431"/>
      <c r="U20" s="431"/>
      <c r="V20" s="431"/>
      <c r="W20" s="431"/>
      <c r="X20" s="431"/>
      <c r="Y20" s="431"/>
      <c r="Z20" s="431"/>
      <c r="AA20" s="431"/>
      <c r="AB20" s="92" t="s">
        <v>26</v>
      </c>
      <c r="AE20" s="152"/>
      <c r="AF20" s="146" t="s">
        <v>7</v>
      </c>
      <c r="AG20" s="92" t="s">
        <v>69</v>
      </c>
      <c r="AH20" s="92"/>
      <c r="AI20" s="92"/>
      <c r="AJ20" s="151"/>
      <c r="AK20" s="156"/>
      <c r="AL20" s="92"/>
      <c r="AM20" s="92"/>
      <c r="AN20" s="148"/>
      <c r="AO20" s="92"/>
      <c r="AP20" s="145"/>
    </row>
    <row r="21" spans="1:42" ht="15.95" customHeight="1" x14ac:dyDescent="0.15">
      <c r="A21" s="162"/>
      <c r="B21" s="232"/>
      <c r="C21" s="232"/>
      <c r="D21" s="233"/>
      <c r="E21" s="507"/>
      <c r="F21" s="508"/>
      <c r="G21" s="508"/>
      <c r="H21" s="509"/>
      <c r="I21" s="461" t="s">
        <v>298</v>
      </c>
      <c r="J21" s="462"/>
      <c r="K21" s="462"/>
      <c r="L21" s="463"/>
      <c r="M21" s="167" t="s">
        <v>54</v>
      </c>
      <c r="N21" s="97" t="s">
        <v>0</v>
      </c>
      <c r="O21" s="97"/>
      <c r="P21" s="97" t="s">
        <v>25</v>
      </c>
      <c r="Q21" s="456"/>
      <c r="R21" s="456"/>
      <c r="S21" s="456"/>
      <c r="T21" s="456"/>
      <c r="U21" s="456"/>
      <c r="V21" s="456"/>
      <c r="W21" s="456"/>
      <c r="X21" s="456"/>
      <c r="Y21" s="456"/>
      <c r="Z21" s="456"/>
      <c r="AA21" s="456"/>
      <c r="AB21" s="105" t="s">
        <v>26</v>
      </c>
      <c r="AC21" s="116"/>
      <c r="AD21" s="116"/>
      <c r="AE21" s="259"/>
      <c r="AF21" s="146" t="s">
        <v>7</v>
      </c>
      <c r="AG21" s="92"/>
      <c r="AH21" s="92"/>
      <c r="AI21" s="92"/>
      <c r="AJ21" s="151"/>
      <c r="AK21" s="92"/>
      <c r="AL21" s="92"/>
      <c r="AM21" s="92"/>
      <c r="AN21" s="148"/>
      <c r="AO21" s="92"/>
      <c r="AP21" s="145"/>
    </row>
    <row r="22" spans="1:42" ht="15.95" customHeight="1" x14ac:dyDescent="0.15">
      <c r="A22" s="148"/>
      <c r="B22" s="92"/>
      <c r="C22" s="92"/>
      <c r="D22" s="145"/>
      <c r="E22" s="507"/>
      <c r="F22" s="508"/>
      <c r="G22" s="508"/>
      <c r="H22" s="509"/>
      <c r="I22" s="449" t="s">
        <v>299</v>
      </c>
      <c r="J22" s="477"/>
      <c r="K22" s="477"/>
      <c r="L22" s="478"/>
      <c r="M22" s="151" t="s">
        <v>7</v>
      </c>
      <c r="N22" s="103" t="s">
        <v>300</v>
      </c>
      <c r="O22" s="103"/>
      <c r="P22" s="103"/>
      <c r="Q22" s="103"/>
      <c r="R22" s="92"/>
      <c r="S22" s="103"/>
      <c r="T22" s="92"/>
      <c r="U22" s="102"/>
      <c r="V22" s="103"/>
      <c r="W22" s="103"/>
      <c r="X22" s="102"/>
      <c r="Y22" s="102"/>
      <c r="Z22" s="102"/>
      <c r="AA22" s="102"/>
      <c r="AB22" s="92"/>
      <c r="AE22" s="152"/>
      <c r="AF22" s="124"/>
      <c r="AI22" s="92"/>
      <c r="AJ22" s="92"/>
      <c r="AK22" s="92"/>
      <c r="AL22" s="92"/>
      <c r="AM22" s="92"/>
      <c r="AN22" s="148"/>
      <c r="AO22" s="92"/>
      <c r="AP22" s="145"/>
    </row>
    <row r="23" spans="1:42" ht="15.95" customHeight="1" x14ac:dyDescent="0.15">
      <c r="A23" s="148"/>
      <c r="B23" s="92"/>
      <c r="C23" s="92"/>
      <c r="D23" s="145"/>
      <c r="E23" s="92"/>
      <c r="F23" s="92"/>
      <c r="G23" s="92"/>
      <c r="H23" s="145"/>
      <c r="I23" s="148"/>
      <c r="J23" s="92"/>
      <c r="K23" s="92"/>
      <c r="L23" s="145"/>
      <c r="M23" s="155"/>
      <c r="N23" s="510" t="s">
        <v>158</v>
      </c>
      <c r="O23" s="510"/>
      <c r="P23" s="103" t="s">
        <v>25</v>
      </c>
      <c r="Q23" s="431"/>
      <c r="R23" s="431"/>
      <c r="S23" s="431"/>
      <c r="T23" s="431"/>
      <c r="U23" s="431"/>
      <c r="V23" s="431"/>
      <c r="W23" s="431"/>
      <c r="X23" s="431"/>
      <c r="Y23" s="431"/>
      <c r="Z23" s="431"/>
      <c r="AA23" s="431"/>
      <c r="AB23" s="92" t="s">
        <v>26</v>
      </c>
      <c r="AE23" s="152"/>
      <c r="AF23" s="102"/>
      <c r="AG23" s="156"/>
      <c r="AH23" s="92"/>
      <c r="AI23" s="92"/>
      <c r="AJ23" s="151"/>
      <c r="AK23" s="103"/>
      <c r="AL23" s="184"/>
      <c r="AM23" s="92"/>
      <c r="AN23" s="148"/>
      <c r="AO23" s="92"/>
      <c r="AP23" s="145"/>
    </row>
    <row r="24" spans="1:42" ht="15.95" customHeight="1" x14ac:dyDescent="0.15">
      <c r="A24" s="148"/>
      <c r="B24" s="92"/>
      <c r="C24" s="92"/>
      <c r="D24" s="145"/>
      <c r="E24" s="105"/>
      <c r="F24" s="105"/>
      <c r="G24" s="105"/>
      <c r="H24" s="170"/>
      <c r="I24" s="169"/>
      <c r="J24" s="105"/>
      <c r="K24" s="105"/>
      <c r="L24" s="170"/>
      <c r="M24" s="212"/>
      <c r="N24" s="126" t="s">
        <v>54</v>
      </c>
      <c r="O24" s="97" t="s">
        <v>0</v>
      </c>
      <c r="P24" s="97"/>
      <c r="Q24" s="97" t="s">
        <v>25</v>
      </c>
      <c r="R24" s="456"/>
      <c r="S24" s="456"/>
      <c r="T24" s="456"/>
      <c r="U24" s="456"/>
      <c r="V24" s="456"/>
      <c r="W24" s="456"/>
      <c r="X24" s="456"/>
      <c r="Y24" s="456"/>
      <c r="Z24" s="456"/>
      <c r="AA24" s="456"/>
      <c r="AB24" s="105" t="s">
        <v>26</v>
      </c>
      <c r="AC24" s="116"/>
      <c r="AD24" s="116"/>
      <c r="AE24" s="259"/>
      <c r="AF24" s="169"/>
      <c r="AG24" s="105"/>
      <c r="AH24" s="105"/>
      <c r="AI24" s="105"/>
      <c r="AJ24" s="126"/>
      <c r="AK24" s="97"/>
      <c r="AL24" s="257"/>
      <c r="AM24" s="105"/>
      <c r="AN24" s="169"/>
      <c r="AO24" s="105"/>
      <c r="AP24" s="170"/>
    </row>
    <row r="25" spans="1:42" ht="15.95" customHeight="1" x14ac:dyDescent="0.15">
      <c r="A25" s="148"/>
      <c r="B25" s="92"/>
      <c r="C25" s="92"/>
      <c r="D25" s="145"/>
      <c r="E25" s="438" t="s">
        <v>301</v>
      </c>
      <c r="F25" s="499"/>
      <c r="G25" s="499"/>
      <c r="H25" s="500"/>
      <c r="I25" s="437" t="s">
        <v>302</v>
      </c>
      <c r="J25" s="499"/>
      <c r="K25" s="499"/>
      <c r="L25" s="500"/>
      <c r="M25" s="155" t="s">
        <v>66</v>
      </c>
      <c r="N25" s="103" t="s">
        <v>303</v>
      </c>
      <c r="O25" s="103"/>
      <c r="P25" s="103"/>
      <c r="Q25" s="103"/>
      <c r="R25" s="92"/>
      <c r="S25" s="103"/>
      <c r="T25" s="92"/>
      <c r="U25" s="102"/>
      <c r="V25" s="103"/>
      <c r="W25" s="103"/>
      <c r="X25" s="102"/>
      <c r="Y25" s="102"/>
      <c r="Z25" s="102"/>
      <c r="AA25" s="102"/>
      <c r="AB25" s="92"/>
      <c r="AE25" s="152"/>
      <c r="AF25" s="146" t="s">
        <v>7</v>
      </c>
      <c r="AG25" s="92" t="s">
        <v>278</v>
      </c>
      <c r="AH25" s="92"/>
      <c r="AI25" s="92"/>
      <c r="AJ25" s="151"/>
      <c r="AK25" s="156"/>
      <c r="AL25" s="92"/>
      <c r="AM25" s="92"/>
      <c r="AN25" s="148"/>
      <c r="AO25" s="92"/>
      <c r="AP25" s="145"/>
    </row>
    <row r="26" spans="1:42" ht="15.95" customHeight="1" x14ac:dyDescent="0.15">
      <c r="A26" s="148"/>
      <c r="B26" s="92"/>
      <c r="C26" s="92"/>
      <c r="D26" s="145"/>
      <c r="E26" s="92"/>
      <c r="F26" s="92"/>
      <c r="G26" s="92"/>
      <c r="H26" s="145"/>
      <c r="I26" s="449" t="s">
        <v>304</v>
      </c>
      <c r="J26" s="450"/>
      <c r="K26" s="450"/>
      <c r="L26" s="451"/>
      <c r="M26" s="155"/>
      <c r="N26" s="175" t="s">
        <v>305</v>
      </c>
      <c r="O26" s="151" t="s">
        <v>7</v>
      </c>
      <c r="P26" s="103" t="s">
        <v>306</v>
      </c>
      <c r="Q26" s="103"/>
      <c r="R26" s="151" t="s">
        <v>54</v>
      </c>
      <c r="S26" s="103" t="s">
        <v>742</v>
      </c>
      <c r="T26" s="92"/>
      <c r="U26" s="102"/>
      <c r="V26" s="151" t="s">
        <v>54</v>
      </c>
      <c r="W26" s="103" t="s">
        <v>0</v>
      </c>
      <c r="X26" s="103"/>
      <c r="Y26" s="103" t="s">
        <v>148</v>
      </c>
      <c r="Z26" s="102"/>
      <c r="AA26" s="102"/>
      <c r="AB26" s="92"/>
      <c r="AE26" s="152"/>
      <c r="AF26" s="146" t="s">
        <v>7</v>
      </c>
      <c r="AJ26" s="151"/>
      <c r="AK26" s="92"/>
      <c r="AL26" s="92"/>
      <c r="AM26" s="92"/>
      <c r="AN26" s="148"/>
      <c r="AO26" s="92"/>
      <c r="AP26" s="145"/>
    </row>
    <row r="27" spans="1:42" ht="15.95" customHeight="1" x14ac:dyDescent="0.15">
      <c r="A27" s="148"/>
      <c r="B27" s="92"/>
      <c r="C27" s="92"/>
      <c r="D27" s="145"/>
      <c r="E27" s="92"/>
      <c r="F27" s="92"/>
      <c r="G27" s="92"/>
      <c r="H27" s="145"/>
      <c r="I27" s="148"/>
      <c r="J27" s="92"/>
      <c r="K27" s="92"/>
      <c r="L27" s="145"/>
      <c r="M27" s="155" t="s">
        <v>66</v>
      </c>
      <c r="N27" s="103" t="s">
        <v>307</v>
      </c>
      <c r="O27" s="103"/>
      <c r="P27" s="103"/>
      <c r="Q27" s="103"/>
      <c r="R27" s="92"/>
      <c r="S27" s="103"/>
      <c r="T27" s="92"/>
      <c r="U27" s="102"/>
      <c r="V27" s="103"/>
      <c r="W27" s="103"/>
      <c r="X27" s="102"/>
      <c r="Y27" s="102"/>
      <c r="Z27" s="102"/>
      <c r="AA27" s="102"/>
      <c r="AB27" s="92"/>
      <c r="AE27" s="152"/>
      <c r="AF27" s="124"/>
      <c r="AG27" s="92"/>
      <c r="AH27" s="92"/>
      <c r="AI27" s="92"/>
      <c r="AJ27" s="92"/>
      <c r="AK27" s="92"/>
      <c r="AL27" s="92"/>
      <c r="AM27" s="92"/>
      <c r="AN27" s="148"/>
      <c r="AO27" s="92"/>
      <c r="AP27" s="145"/>
    </row>
    <row r="28" spans="1:42" ht="15.95" customHeight="1" x14ac:dyDescent="0.15">
      <c r="A28" s="148"/>
      <c r="B28" s="92"/>
      <c r="C28" s="92"/>
      <c r="D28" s="145"/>
      <c r="E28" s="92"/>
      <c r="F28" s="92"/>
      <c r="G28" s="92"/>
      <c r="H28" s="145"/>
      <c r="I28" s="148"/>
      <c r="J28" s="92"/>
      <c r="K28" s="92"/>
      <c r="L28" s="145"/>
      <c r="M28" s="155"/>
      <c r="N28" s="175" t="s">
        <v>305</v>
      </c>
      <c r="O28" s="151" t="s">
        <v>7</v>
      </c>
      <c r="P28" s="103" t="s">
        <v>306</v>
      </c>
      <c r="Q28" s="103"/>
      <c r="R28" s="151" t="s">
        <v>54</v>
      </c>
      <c r="S28" s="103" t="s">
        <v>742</v>
      </c>
      <c r="T28" s="92"/>
      <c r="U28" s="102"/>
      <c r="V28" s="151" t="s">
        <v>54</v>
      </c>
      <c r="W28" s="103" t="s">
        <v>0</v>
      </c>
      <c r="X28" s="103"/>
      <c r="Y28" s="103" t="s">
        <v>148</v>
      </c>
      <c r="Z28" s="102"/>
      <c r="AA28" s="102"/>
      <c r="AB28" s="92"/>
      <c r="AE28" s="152"/>
      <c r="AF28" s="124"/>
      <c r="AG28" s="92"/>
      <c r="AH28" s="92"/>
      <c r="AI28" s="92"/>
      <c r="AJ28" s="151"/>
      <c r="AK28" s="103"/>
      <c r="AL28" s="184"/>
      <c r="AM28" s="92"/>
      <c r="AN28" s="148"/>
      <c r="AO28" s="92"/>
      <c r="AP28" s="145"/>
    </row>
    <row r="29" spans="1:42" ht="15.95" customHeight="1" x14ac:dyDescent="0.15">
      <c r="A29" s="148"/>
      <c r="B29" s="92"/>
      <c r="C29" s="92"/>
      <c r="D29" s="145"/>
      <c r="E29" s="92"/>
      <c r="F29" s="92"/>
      <c r="G29" s="92"/>
      <c r="H29" s="145"/>
      <c r="I29" s="148"/>
      <c r="J29" s="92"/>
      <c r="K29" s="92"/>
      <c r="L29" s="145"/>
      <c r="M29" s="155" t="s">
        <v>66</v>
      </c>
      <c r="N29" s="103" t="s">
        <v>308</v>
      </c>
      <c r="O29" s="103"/>
      <c r="P29" s="103"/>
      <c r="Q29" s="103"/>
      <c r="R29" s="92"/>
      <c r="S29" s="103"/>
      <c r="T29" s="92"/>
      <c r="U29" s="102"/>
      <c r="V29" s="103"/>
      <c r="W29" s="103"/>
      <c r="X29" s="102"/>
      <c r="Y29" s="102"/>
      <c r="Z29" s="102"/>
      <c r="AA29" s="102"/>
      <c r="AB29" s="92"/>
      <c r="AE29" s="152"/>
      <c r="AF29" s="155"/>
      <c r="AG29" s="182"/>
      <c r="AH29" s="182"/>
      <c r="AI29" s="182"/>
      <c r="AJ29" s="151"/>
      <c r="AK29" s="103"/>
      <c r="AL29" s="184"/>
      <c r="AM29" s="92"/>
      <c r="AN29" s="148"/>
      <c r="AO29" s="92"/>
      <c r="AP29" s="145"/>
    </row>
    <row r="30" spans="1:42" ht="15.95" customHeight="1" x14ac:dyDescent="0.15">
      <c r="A30" s="148"/>
      <c r="B30" s="92"/>
      <c r="C30" s="92"/>
      <c r="D30" s="145"/>
      <c r="E30" s="92"/>
      <c r="F30" s="92"/>
      <c r="G30" s="92"/>
      <c r="H30" s="145"/>
      <c r="I30" s="148"/>
      <c r="J30" s="92"/>
      <c r="K30" s="92"/>
      <c r="L30" s="145"/>
      <c r="M30" s="155"/>
      <c r="N30" s="175" t="s">
        <v>305</v>
      </c>
      <c r="O30" s="151" t="s">
        <v>7</v>
      </c>
      <c r="P30" s="103" t="s">
        <v>306</v>
      </c>
      <c r="Q30" s="103"/>
      <c r="R30" s="151" t="s">
        <v>54</v>
      </c>
      <c r="S30" s="103" t="s">
        <v>742</v>
      </c>
      <c r="T30" s="92"/>
      <c r="U30" s="102"/>
      <c r="V30" s="151" t="s">
        <v>54</v>
      </c>
      <c r="W30" s="103" t="s">
        <v>0</v>
      </c>
      <c r="X30" s="103"/>
      <c r="Y30" s="103" t="s">
        <v>148</v>
      </c>
      <c r="Z30" s="102"/>
      <c r="AA30" s="102"/>
      <c r="AB30" s="92"/>
      <c r="AE30" s="152"/>
      <c r="AF30" s="102"/>
      <c r="AG30" s="156"/>
      <c r="AH30" s="92"/>
      <c r="AI30" s="92"/>
      <c r="AJ30" s="124"/>
      <c r="AK30" s="124"/>
      <c r="AL30" s="124"/>
      <c r="AM30" s="124"/>
      <c r="AN30" s="148"/>
      <c r="AO30" s="92"/>
      <c r="AP30" s="145"/>
    </row>
    <row r="31" spans="1:42" ht="15.95" customHeight="1" x14ac:dyDescent="0.15">
      <c r="A31" s="148"/>
      <c r="B31" s="92"/>
      <c r="C31" s="92"/>
      <c r="D31" s="145"/>
      <c r="E31" s="92"/>
      <c r="F31" s="92"/>
      <c r="G31" s="92"/>
      <c r="H31" s="145"/>
      <c r="I31" s="148"/>
      <c r="J31" s="92"/>
      <c r="K31" s="92"/>
      <c r="L31" s="145"/>
      <c r="M31" s="155" t="s">
        <v>66</v>
      </c>
      <c r="N31" s="103" t="s">
        <v>309</v>
      </c>
      <c r="O31" s="103"/>
      <c r="P31" s="103"/>
      <c r="Q31" s="103"/>
      <c r="R31" s="92"/>
      <c r="S31" s="103"/>
      <c r="T31" s="92"/>
      <c r="U31" s="102"/>
      <c r="V31" s="103"/>
      <c r="W31" s="103"/>
      <c r="X31" s="102"/>
      <c r="Y31" s="102"/>
      <c r="Z31" s="102"/>
      <c r="AA31" s="102"/>
      <c r="AB31" s="92"/>
      <c r="AE31" s="152"/>
      <c r="AF31" s="92"/>
      <c r="AG31" s="92"/>
      <c r="AH31" s="92"/>
      <c r="AI31" s="92"/>
      <c r="AJ31" s="124"/>
      <c r="AK31" s="124"/>
      <c r="AL31" s="124"/>
      <c r="AM31" s="124"/>
      <c r="AN31" s="148"/>
      <c r="AO31" s="92"/>
      <c r="AP31" s="145"/>
    </row>
    <row r="32" spans="1:42" ht="15.95" customHeight="1" x14ac:dyDescent="0.15">
      <c r="A32" s="148"/>
      <c r="B32" s="92"/>
      <c r="C32" s="92"/>
      <c r="D32" s="145"/>
      <c r="E32" s="92"/>
      <c r="F32" s="92"/>
      <c r="G32" s="92"/>
      <c r="H32" s="145"/>
      <c r="I32" s="148"/>
      <c r="J32" s="92"/>
      <c r="K32" s="92"/>
      <c r="L32" s="145"/>
      <c r="M32" s="155"/>
      <c r="N32" s="175" t="s">
        <v>305</v>
      </c>
      <c r="O32" s="151" t="s">
        <v>7</v>
      </c>
      <c r="P32" s="103" t="s">
        <v>306</v>
      </c>
      <c r="Q32" s="103"/>
      <c r="R32" s="151" t="s">
        <v>54</v>
      </c>
      <c r="S32" s="103" t="s">
        <v>742</v>
      </c>
      <c r="T32" s="92"/>
      <c r="U32" s="102"/>
      <c r="V32" s="151" t="s">
        <v>54</v>
      </c>
      <c r="W32" s="103" t="s">
        <v>0</v>
      </c>
      <c r="X32" s="103"/>
      <c r="Y32" s="103" t="s">
        <v>148</v>
      </c>
      <c r="Z32" s="102"/>
      <c r="AA32" s="102"/>
      <c r="AB32" s="92"/>
      <c r="AE32" s="152"/>
      <c r="AF32" s="148"/>
      <c r="AG32" s="92"/>
      <c r="AH32" s="92"/>
      <c r="AI32" s="92"/>
      <c r="AJ32" s="92"/>
      <c r="AK32" s="92"/>
      <c r="AL32" s="92"/>
      <c r="AM32" s="92"/>
      <c r="AN32" s="148"/>
      <c r="AO32" s="92"/>
      <c r="AP32" s="145"/>
    </row>
    <row r="33" spans="1:42" ht="15.95" customHeight="1" x14ac:dyDescent="0.15">
      <c r="A33" s="148"/>
      <c r="B33" s="92"/>
      <c r="C33" s="92"/>
      <c r="D33" s="145"/>
      <c r="E33" s="92"/>
      <c r="F33" s="92"/>
      <c r="G33" s="92"/>
      <c r="H33" s="145"/>
      <c r="I33" s="148"/>
      <c r="J33" s="92"/>
      <c r="K33" s="92"/>
      <c r="L33" s="145"/>
      <c r="M33" s="155" t="s">
        <v>66</v>
      </c>
      <c r="N33" s="103" t="s">
        <v>310</v>
      </c>
      <c r="O33" s="103"/>
      <c r="P33" s="103"/>
      <c r="Q33" s="103"/>
      <c r="R33" s="92"/>
      <c r="S33" s="103"/>
      <c r="T33" s="92"/>
      <c r="U33" s="102"/>
      <c r="V33" s="103"/>
      <c r="W33" s="103"/>
      <c r="X33" s="102"/>
      <c r="Y33" s="102"/>
      <c r="Z33" s="102"/>
      <c r="AA33" s="102"/>
      <c r="AB33" s="92"/>
      <c r="AE33" s="152"/>
      <c r="AF33" s="155"/>
      <c r="AG33" s="92"/>
      <c r="AH33" s="92"/>
      <c r="AI33" s="92"/>
      <c r="AJ33" s="92"/>
      <c r="AK33" s="92"/>
      <c r="AL33" s="92"/>
      <c r="AM33" s="92"/>
      <c r="AN33" s="149"/>
      <c r="AP33" s="104"/>
    </row>
    <row r="34" spans="1:42" ht="15.95" customHeight="1" x14ac:dyDescent="0.15">
      <c r="A34" s="169"/>
      <c r="B34" s="105"/>
      <c r="C34" s="105"/>
      <c r="D34" s="170"/>
      <c r="E34" s="105"/>
      <c r="F34" s="105"/>
      <c r="G34" s="105"/>
      <c r="H34" s="170"/>
      <c r="I34" s="169"/>
      <c r="J34" s="105"/>
      <c r="K34" s="105"/>
      <c r="L34" s="170"/>
      <c r="M34" s="212"/>
      <c r="N34" s="253" t="s">
        <v>305</v>
      </c>
      <c r="O34" s="126" t="s">
        <v>7</v>
      </c>
      <c r="P34" s="97" t="s">
        <v>306</v>
      </c>
      <c r="Q34" s="97"/>
      <c r="R34" s="126" t="s">
        <v>54</v>
      </c>
      <c r="S34" s="97" t="s">
        <v>742</v>
      </c>
      <c r="T34" s="105"/>
      <c r="U34" s="96"/>
      <c r="V34" s="126" t="s">
        <v>54</v>
      </c>
      <c r="W34" s="97" t="s">
        <v>0</v>
      </c>
      <c r="X34" s="97"/>
      <c r="Y34" s="97" t="s">
        <v>148</v>
      </c>
      <c r="Z34" s="96"/>
      <c r="AA34" s="96"/>
      <c r="AB34" s="96"/>
      <c r="AC34" s="96"/>
      <c r="AD34" s="96"/>
      <c r="AE34" s="259"/>
      <c r="AF34" s="212"/>
      <c r="AG34" s="200"/>
      <c r="AH34" s="200"/>
      <c r="AI34" s="200"/>
      <c r="AJ34" s="200"/>
      <c r="AK34" s="105"/>
      <c r="AL34" s="105"/>
      <c r="AM34" s="105"/>
      <c r="AN34" s="219"/>
      <c r="AO34" s="116"/>
      <c r="AP34" s="106"/>
    </row>
    <row r="35" spans="1:42" ht="15.95" customHeight="1" x14ac:dyDescent="0.15">
      <c r="A35" s="449" t="s">
        <v>311</v>
      </c>
      <c r="B35" s="450"/>
      <c r="C35" s="450"/>
      <c r="D35" s="451"/>
      <c r="E35" s="148"/>
      <c r="F35" s="92"/>
      <c r="G35" s="92"/>
      <c r="H35" s="145"/>
      <c r="I35" s="92"/>
      <c r="J35" s="92"/>
      <c r="K35" s="92"/>
      <c r="L35" s="145"/>
      <c r="M35" s="155"/>
      <c r="N35" s="103"/>
      <c r="O35" s="92"/>
      <c r="P35" s="92"/>
      <c r="S35" s="103"/>
      <c r="T35" s="103"/>
      <c r="U35" s="103"/>
      <c r="V35" s="103"/>
      <c r="W35" s="103"/>
      <c r="X35" s="103"/>
      <c r="Y35" s="103"/>
      <c r="Z35" s="103"/>
      <c r="AA35" s="103"/>
      <c r="AB35" s="103"/>
      <c r="AC35" s="102"/>
      <c r="AD35" s="103"/>
      <c r="AE35" s="251"/>
      <c r="AF35" s="103"/>
      <c r="AG35" s="102"/>
      <c r="AK35" s="92"/>
      <c r="AL35" s="92"/>
      <c r="AM35" s="92"/>
      <c r="AN35" s="149"/>
      <c r="AP35" s="104"/>
    </row>
    <row r="36" spans="1:42" ht="15.95" customHeight="1" x14ac:dyDescent="0.15">
      <c r="A36" s="449" t="s">
        <v>312</v>
      </c>
      <c r="B36" s="450"/>
      <c r="C36" s="450"/>
      <c r="D36" s="451"/>
      <c r="E36" s="148"/>
      <c r="F36" s="92"/>
      <c r="G36" s="92"/>
      <c r="H36" s="145"/>
      <c r="I36" s="92"/>
      <c r="J36" s="92"/>
      <c r="K36" s="92"/>
      <c r="L36" s="145"/>
      <c r="M36" s="149"/>
      <c r="N36" s="92" t="s">
        <v>270</v>
      </c>
      <c r="O36" s="92"/>
      <c r="P36" s="92"/>
      <c r="S36" s="103"/>
      <c r="T36" s="103"/>
      <c r="U36" s="103"/>
      <c r="V36" s="103"/>
      <c r="W36" s="103"/>
      <c r="X36" s="103"/>
      <c r="Y36" s="103"/>
      <c r="Z36" s="103"/>
      <c r="AA36" s="103"/>
      <c r="AB36" s="103"/>
      <c r="AC36" s="102"/>
      <c r="AD36" s="103"/>
      <c r="AE36" s="251"/>
      <c r="AF36" s="103"/>
      <c r="AG36" s="102"/>
      <c r="AK36" s="92"/>
      <c r="AL36" s="92"/>
      <c r="AM36" s="92"/>
      <c r="AN36" s="149"/>
      <c r="AP36" s="104"/>
    </row>
    <row r="37" spans="1:42" ht="15.95" customHeight="1" x14ac:dyDescent="0.15">
      <c r="A37" s="219"/>
      <c r="B37" s="116"/>
      <c r="C37" s="116"/>
      <c r="D37" s="106"/>
      <c r="E37" s="169"/>
      <c r="F37" s="105"/>
      <c r="G37" s="105"/>
      <c r="H37" s="170"/>
      <c r="I37" s="105"/>
      <c r="J37" s="105"/>
      <c r="K37" s="105"/>
      <c r="L37" s="170"/>
      <c r="M37" s="219"/>
      <c r="N37" s="97"/>
      <c r="O37" s="105"/>
      <c r="P37" s="105"/>
      <c r="Q37" s="116"/>
      <c r="R37" s="116"/>
      <c r="S37" s="97"/>
      <c r="T37" s="97"/>
      <c r="U37" s="97"/>
      <c r="V37" s="97"/>
      <c r="W37" s="97"/>
      <c r="X37" s="97"/>
      <c r="Y37" s="97"/>
      <c r="Z37" s="97"/>
      <c r="AA37" s="97"/>
      <c r="AB37" s="97"/>
      <c r="AC37" s="96"/>
      <c r="AD37" s="97"/>
      <c r="AE37" s="191"/>
      <c r="AF37" s="97"/>
      <c r="AG37" s="96"/>
      <c r="AH37" s="116"/>
      <c r="AI37" s="116"/>
      <c r="AJ37" s="116"/>
      <c r="AK37" s="105"/>
      <c r="AL37" s="105"/>
      <c r="AM37" s="105"/>
      <c r="AN37" s="219"/>
      <c r="AO37" s="116"/>
      <c r="AP37" s="106"/>
    </row>
    <row r="38" spans="1:42" x14ac:dyDescent="0.15">
      <c r="A38" s="92" t="s">
        <v>834</v>
      </c>
    </row>
    <row r="39" spans="1:42" x14ac:dyDescent="0.15">
      <c r="A39" s="92" t="s">
        <v>835</v>
      </c>
    </row>
    <row r="47" spans="1:42" ht="15.95" customHeight="1" x14ac:dyDescent="0.15">
      <c r="AL47" s="92"/>
      <c r="AM47" s="92"/>
    </row>
    <row r="48" spans="1:42" ht="15.95" customHeight="1" x14ac:dyDescent="0.15">
      <c r="AL48" s="92"/>
      <c r="AM48" s="92"/>
    </row>
    <row r="49" spans="1:39" ht="15.95" customHeight="1" x14ac:dyDescent="0.15">
      <c r="P49" s="91" t="s">
        <v>313</v>
      </c>
      <c r="AL49" s="92"/>
      <c r="AM49" s="92"/>
    </row>
    <row r="50" spans="1:39" ht="15.95" customHeight="1" x14ac:dyDescent="0.15">
      <c r="AL50" s="92"/>
      <c r="AM50" s="92"/>
    </row>
    <row r="51" spans="1:39" ht="15.95" customHeight="1" x14ac:dyDescent="0.15">
      <c r="AL51" s="92"/>
      <c r="AM51" s="92"/>
    </row>
    <row r="52" spans="1:39" ht="15.95" customHeight="1" x14ac:dyDescent="0.15">
      <c r="AL52" s="92"/>
      <c r="AM52" s="92"/>
    </row>
    <row r="53" spans="1:39" ht="15.95" customHeight="1" x14ac:dyDescent="0.15">
      <c r="AL53" s="92"/>
      <c r="AM53" s="92"/>
    </row>
    <row r="54" spans="1:39" ht="15.95" customHeight="1" x14ac:dyDescent="0.15">
      <c r="A54" s="258"/>
      <c r="B54" s="153"/>
      <c r="C54" s="153"/>
      <c r="D54" s="153"/>
      <c r="AL54" s="92"/>
      <c r="AM54" s="92"/>
    </row>
    <row r="55" spans="1:39" ht="15.95" customHeight="1" x14ac:dyDescent="0.15">
      <c r="A55" s="260"/>
      <c r="AL55" s="92"/>
      <c r="AM55" s="92"/>
    </row>
    <row r="56" spans="1:39" ht="15.95" customHeight="1" x14ac:dyDescent="0.15">
      <c r="A56" s="260"/>
      <c r="AL56" s="92"/>
      <c r="AM56" s="92"/>
    </row>
    <row r="57" spans="1:39" ht="15.95" customHeight="1" x14ac:dyDescent="0.15">
      <c r="A57" s="260"/>
      <c r="AL57" s="92"/>
      <c r="AM57" s="92"/>
    </row>
    <row r="58" spans="1:39" ht="15.95" customHeight="1" x14ac:dyDescent="0.15">
      <c r="A58" s="260"/>
      <c r="AL58" s="92"/>
      <c r="AM58" s="92"/>
    </row>
    <row r="59" spans="1:39" ht="15.95" customHeight="1" x14ac:dyDescent="0.15">
      <c r="A59" s="260"/>
      <c r="AL59" s="92"/>
      <c r="AM59" s="92"/>
    </row>
    <row r="60" spans="1:39" ht="15.95" customHeight="1" x14ac:dyDescent="0.15">
      <c r="A60" s="260"/>
      <c r="AL60" s="92"/>
      <c r="AM60" s="92"/>
    </row>
    <row r="61" spans="1:39" ht="15.95" customHeight="1" x14ac:dyDescent="0.15">
      <c r="A61" s="260"/>
      <c r="AL61" s="92"/>
      <c r="AM61" s="92"/>
    </row>
    <row r="62" spans="1:39" ht="15.95" customHeight="1" x14ac:dyDescent="0.15">
      <c r="AL62" s="92"/>
      <c r="AM62" s="92"/>
    </row>
    <row r="63" spans="1:39" ht="15.95" customHeight="1" x14ac:dyDescent="0.15">
      <c r="AL63" s="92"/>
      <c r="AM63" s="92"/>
    </row>
    <row r="64" spans="1:39" ht="15.95" customHeight="1" x14ac:dyDescent="0.15">
      <c r="AL64" s="92"/>
      <c r="AM64" s="92"/>
    </row>
    <row r="65" spans="38:39" ht="15.95" customHeight="1" x14ac:dyDescent="0.15">
      <c r="AL65" s="92"/>
      <c r="AM65" s="92"/>
    </row>
    <row r="66" spans="38:39" ht="15.95" customHeight="1" x14ac:dyDescent="0.15">
      <c r="AL66" s="92"/>
      <c r="AM66" s="92"/>
    </row>
    <row r="67" spans="38:39" ht="15.95" customHeight="1" x14ac:dyDescent="0.15">
      <c r="AL67" s="92"/>
      <c r="AM67" s="92"/>
    </row>
    <row r="68" spans="38:39" ht="15.95" customHeight="1" x14ac:dyDescent="0.15">
      <c r="AL68" s="92"/>
      <c r="AM68" s="92"/>
    </row>
    <row r="69" spans="38:39" ht="15.95" customHeight="1" x14ac:dyDescent="0.15">
      <c r="AL69" s="92"/>
      <c r="AM69" s="92"/>
    </row>
    <row r="70" spans="38:39" ht="15.95" customHeight="1" x14ac:dyDescent="0.15">
      <c r="AL70" s="92"/>
      <c r="AM70" s="92"/>
    </row>
    <row r="71" spans="38:39" ht="15.95" customHeight="1" x14ac:dyDescent="0.15">
      <c r="AL71" s="92"/>
      <c r="AM71" s="92"/>
    </row>
    <row r="72" spans="38:39" ht="15.95" customHeight="1" x14ac:dyDescent="0.15">
      <c r="AL72" s="92"/>
      <c r="AM72" s="92"/>
    </row>
    <row r="73" spans="38:39" ht="15.95" customHeight="1" x14ac:dyDescent="0.15">
      <c r="AL73" s="92"/>
      <c r="AM73" s="92"/>
    </row>
    <row r="74" spans="38:39" ht="15.95" customHeight="1" x14ac:dyDescent="0.15">
      <c r="AL74" s="92"/>
      <c r="AM74" s="92"/>
    </row>
    <row r="75" spans="38:39" ht="15.95" customHeight="1" x14ac:dyDescent="0.15">
      <c r="AL75" s="92"/>
      <c r="AM75" s="92"/>
    </row>
    <row r="76" spans="38:39" ht="15.95" customHeight="1" x14ac:dyDescent="0.15">
      <c r="AL76" s="92"/>
      <c r="AM76" s="92"/>
    </row>
    <row r="77" spans="38:39" ht="15.95" customHeight="1" x14ac:dyDescent="0.15">
      <c r="AL77" s="92"/>
      <c r="AM77" s="92"/>
    </row>
    <row r="78" spans="38:39" ht="15.95" customHeight="1" x14ac:dyDescent="0.15">
      <c r="AL78" s="92"/>
      <c r="AM78" s="92"/>
    </row>
    <row r="79" spans="38:39" ht="15.95" customHeight="1" x14ac:dyDescent="0.15">
      <c r="AL79" s="92"/>
      <c r="AM79" s="92"/>
    </row>
    <row r="80" spans="38:39" ht="15.95" customHeight="1" x14ac:dyDescent="0.15">
      <c r="AL80" s="92"/>
      <c r="AM80" s="92"/>
    </row>
    <row r="81" spans="38:39" ht="15.95" customHeight="1" x14ac:dyDescent="0.15">
      <c r="AL81" s="92"/>
      <c r="AM81" s="92"/>
    </row>
    <row r="82" spans="38:39" ht="15.95" customHeight="1" x14ac:dyDescent="0.15">
      <c r="AL82" s="92"/>
      <c r="AM82" s="92"/>
    </row>
    <row r="83" spans="38:39" ht="15.95" customHeight="1" x14ac:dyDescent="0.15">
      <c r="AL83" s="92"/>
      <c r="AM83" s="92"/>
    </row>
    <row r="84" spans="38:39" ht="15.95" customHeight="1" x14ac:dyDescent="0.15">
      <c r="AL84" s="92"/>
      <c r="AM84" s="92"/>
    </row>
    <row r="85" spans="38:39" ht="15.95" customHeight="1" x14ac:dyDescent="0.15">
      <c r="AL85" s="92"/>
      <c r="AM85" s="92"/>
    </row>
    <row r="86" spans="38:39" ht="15.95" customHeight="1" x14ac:dyDescent="0.15">
      <c r="AL86" s="92"/>
      <c r="AM86" s="92"/>
    </row>
    <row r="87" spans="38:39" ht="15.95" customHeight="1" x14ac:dyDescent="0.15">
      <c r="AL87" s="92"/>
      <c r="AM87" s="92"/>
    </row>
    <row r="88" spans="38:39" ht="15.95" customHeight="1" x14ac:dyDescent="0.15">
      <c r="AL88" s="92"/>
      <c r="AM88" s="92"/>
    </row>
    <row r="89" spans="38:39" ht="15.95" customHeight="1" x14ac:dyDescent="0.15">
      <c r="AL89" s="92"/>
      <c r="AM89" s="92"/>
    </row>
    <row r="90" spans="38:39" ht="15.95" customHeight="1" x14ac:dyDescent="0.15">
      <c r="AL90" s="92"/>
      <c r="AM90" s="92"/>
    </row>
    <row r="91" spans="38:39" ht="15.95" customHeight="1" x14ac:dyDescent="0.15">
      <c r="AL91" s="92"/>
      <c r="AM91" s="92"/>
    </row>
    <row r="92" spans="38:39" ht="15.95" customHeight="1" x14ac:dyDescent="0.15">
      <c r="AL92" s="92"/>
      <c r="AM92" s="92"/>
    </row>
    <row r="93" spans="38:39" ht="15.95" customHeight="1" x14ac:dyDescent="0.15">
      <c r="AL93" s="92"/>
      <c r="AM93" s="92"/>
    </row>
    <row r="94" spans="38:39" ht="15.95" customHeight="1" x14ac:dyDescent="0.15">
      <c r="AL94" s="92"/>
      <c r="AM94" s="92"/>
    </row>
    <row r="95" spans="38:39" ht="15.95" customHeight="1" x14ac:dyDescent="0.15">
      <c r="AL95" s="92"/>
      <c r="AM95" s="92"/>
    </row>
    <row r="96" spans="38:39" ht="15.95" customHeight="1" x14ac:dyDescent="0.15">
      <c r="AL96" s="92"/>
      <c r="AM96" s="92"/>
    </row>
    <row r="97" spans="38:39" ht="15.95" customHeight="1" x14ac:dyDescent="0.15">
      <c r="AL97" s="92"/>
      <c r="AM97" s="92"/>
    </row>
    <row r="98" spans="38:39" ht="15.95" customHeight="1" x14ac:dyDescent="0.15">
      <c r="AL98" s="92"/>
      <c r="AM98" s="92"/>
    </row>
    <row r="99" spans="38:39" ht="15.95" customHeight="1" x14ac:dyDescent="0.15">
      <c r="AL99" s="92"/>
      <c r="AM99" s="92"/>
    </row>
    <row r="100" spans="38:39" ht="15.95" customHeight="1" x14ac:dyDescent="0.15">
      <c r="AL100" s="92"/>
      <c r="AM100" s="92"/>
    </row>
    <row r="101" spans="38:39" ht="15.95" customHeight="1" x14ac:dyDescent="0.15">
      <c r="AL101" s="92"/>
      <c r="AM101" s="92"/>
    </row>
    <row r="102" spans="38:39" ht="15.95" customHeight="1" x14ac:dyDescent="0.15">
      <c r="AL102" s="92"/>
      <c r="AM102" s="92"/>
    </row>
    <row r="103" spans="38:39" ht="15.95" customHeight="1" x14ac:dyDescent="0.15">
      <c r="AL103" s="92"/>
      <c r="AM103" s="92"/>
    </row>
    <row r="104" spans="38:39" ht="15.95" customHeight="1" x14ac:dyDescent="0.15">
      <c r="AL104" s="92"/>
      <c r="AM104" s="92"/>
    </row>
    <row r="105" spans="38:39" ht="15.95" customHeight="1" x14ac:dyDescent="0.15">
      <c r="AL105" s="92"/>
      <c r="AM105" s="92"/>
    </row>
    <row r="106" spans="38:39" ht="15.95" customHeight="1" x14ac:dyDescent="0.15">
      <c r="AL106" s="92"/>
      <c r="AM106" s="92"/>
    </row>
    <row r="107" spans="38:39" ht="15.95" customHeight="1" x14ac:dyDescent="0.15">
      <c r="AL107" s="92"/>
      <c r="AM107" s="92"/>
    </row>
    <row r="108" spans="38:39" ht="15.95" customHeight="1" x14ac:dyDescent="0.15">
      <c r="AL108" s="92"/>
      <c r="AM108" s="92"/>
    </row>
    <row r="109" spans="38:39" ht="15.95" customHeight="1" x14ac:dyDescent="0.15">
      <c r="AL109" s="92"/>
      <c r="AM109" s="92"/>
    </row>
    <row r="110" spans="38:39" ht="15.95" customHeight="1" x14ac:dyDescent="0.15">
      <c r="AL110" s="92"/>
      <c r="AM110" s="92"/>
    </row>
    <row r="111" spans="38:39" ht="15.95" customHeight="1" x14ac:dyDescent="0.15">
      <c r="AL111" s="92"/>
      <c r="AM111" s="92"/>
    </row>
    <row r="112" spans="38:39" ht="15.95" customHeight="1" x14ac:dyDescent="0.15">
      <c r="AL112" s="92"/>
      <c r="AM112" s="92"/>
    </row>
    <row r="113" spans="38:39" ht="15.95" customHeight="1" x14ac:dyDescent="0.15">
      <c r="AL113" s="92"/>
      <c r="AM113" s="92"/>
    </row>
    <row r="114" spans="38:39" ht="15.95" customHeight="1" x14ac:dyDescent="0.15">
      <c r="AL114" s="92"/>
      <c r="AM114" s="92"/>
    </row>
    <row r="115" spans="38:39" ht="15.95" customHeight="1" x14ac:dyDescent="0.15">
      <c r="AL115" s="92"/>
      <c r="AM115" s="92"/>
    </row>
    <row r="116" spans="38:39" ht="15.95" customHeight="1" x14ac:dyDescent="0.15">
      <c r="AL116" s="92"/>
      <c r="AM116" s="92"/>
    </row>
    <row r="117" spans="38:39" ht="15.95" customHeight="1" x14ac:dyDescent="0.15">
      <c r="AL117" s="92"/>
      <c r="AM117" s="92"/>
    </row>
    <row r="118" spans="38:39" ht="15.95" customHeight="1" x14ac:dyDescent="0.15">
      <c r="AL118" s="92"/>
      <c r="AM118" s="92"/>
    </row>
    <row r="119" spans="38:39" ht="15.95" customHeight="1" x14ac:dyDescent="0.15">
      <c r="AL119" s="92"/>
      <c r="AM119" s="92"/>
    </row>
    <row r="120" spans="38:39" ht="15.95" customHeight="1" x14ac:dyDescent="0.15">
      <c r="AL120" s="92"/>
      <c r="AM120" s="92"/>
    </row>
    <row r="121" spans="38:39" ht="15.95" customHeight="1" x14ac:dyDescent="0.15">
      <c r="AL121" s="92"/>
      <c r="AM121" s="92"/>
    </row>
    <row r="122" spans="38:39" ht="15.95" customHeight="1" x14ac:dyDescent="0.15">
      <c r="AL122" s="92"/>
      <c r="AM122" s="92"/>
    </row>
    <row r="123" spans="38:39" ht="15.95" customHeight="1" x14ac:dyDescent="0.15">
      <c r="AL123" s="92"/>
      <c r="AM123" s="92"/>
    </row>
    <row r="124" spans="38:39" ht="15.95" customHeight="1" x14ac:dyDescent="0.15">
      <c r="AL124" s="92"/>
      <c r="AM124" s="92"/>
    </row>
    <row r="125" spans="38:39" ht="15.95" customHeight="1" x14ac:dyDescent="0.15">
      <c r="AL125" s="92"/>
      <c r="AM125" s="92"/>
    </row>
    <row r="126" spans="38:39" ht="15.95" customHeight="1" x14ac:dyDescent="0.15">
      <c r="AL126" s="92"/>
      <c r="AM126" s="92"/>
    </row>
    <row r="127" spans="38:39" ht="15.95" customHeight="1" x14ac:dyDescent="0.15">
      <c r="AL127" s="92"/>
      <c r="AM127" s="92"/>
    </row>
    <row r="128" spans="38:39" ht="15.95" customHeight="1" x14ac:dyDescent="0.15">
      <c r="AL128" s="92"/>
      <c r="AM128" s="92"/>
    </row>
    <row r="129" spans="38:39" ht="15.95" customHeight="1" x14ac:dyDescent="0.15">
      <c r="AL129" s="92"/>
      <c r="AM129" s="92"/>
    </row>
    <row r="130" spans="38:39" ht="15.95" customHeight="1" x14ac:dyDescent="0.15">
      <c r="AL130" s="92"/>
      <c r="AM130" s="92"/>
    </row>
    <row r="131" spans="38:39" ht="15.95" customHeight="1" x14ac:dyDescent="0.15">
      <c r="AL131" s="92"/>
      <c r="AM131" s="92"/>
    </row>
    <row r="132" spans="38:39" ht="15.95" customHeight="1" x14ac:dyDescent="0.15">
      <c r="AL132" s="92"/>
      <c r="AM132" s="92"/>
    </row>
    <row r="133" spans="38:39" ht="15.95" customHeight="1" x14ac:dyDescent="0.15">
      <c r="AL133" s="92"/>
      <c r="AM133" s="92"/>
    </row>
    <row r="134" spans="38:39" ht="15.95" customHeight="1" x14ac:dyDescent="0.15">
      <c r="AL134" s="92"/>
      <c r="AM134" s="92"/>
    </row>
    <row r="135" spans="38:39" ht="15.95" customHeight="1" x14ac:dyDescent="0.15">
      <c r="AL135" s="92"/>
      <c r="AM135" s="92"/>
    </row>
    <row r="136" spans="38:39" ht="15.95" customHeight="1" x14ac:dyDescent="0.15">
      <c r="AL136" s="92"/>
      <c r="AM136" s="92"/>
    </row>
    <row r="137" spans="38:39" ht="15.95" customHeight="1" x14ac:dyDescent="0.15">
      <c r="AL137" s="92"/>
      <c r="AM137" s="92"/>
    </row>
    <row r="138" spans="38:39" ht="15.95" customHeight="1" x14ac:dyDescent="0.15">
      <c r="AL138" s="92"/>
      <c r="AM138" s="92"/>
    </row>
    <row r="139" spans="38:39" ht="15.95" customHeight="1" x14ac:dyDescent="0.15">
      <c r="AL139" s="92"/>
      <c r="AM139" s="92"/>
    </row>
    <row r="140" spans="38:39" ht="15.95" customHeight="1" x14ac:dyDescent="0.15">
      <c r="AL140" s="92"/>
      <c r="AM140" s="92"/>
    </row>
    <row r="141" spans="38:39" ht="15.95" customHeight="1" x14ac:dyDescent="0.15">
      <c r="AL141" s="92"/>
      <c r="AM141" s="92"/>
    </row>
    <row r="142" spans="38:39" ht="15.95" customHeight="1" x14ac:dyDescent="0.15">
      <c r="AL142" s="92"/>
      <c r="AM142" s="92"/>
    </row>
    <row r="143" spans="38:39" ht="15.95" customHeight="1" x14ac:dyDescent="0.15">
      <c r="AL143" s="92"/>
      <c r="AM143" s="92"/>
    </row>
    <row r="144" spans="38:39" ht="15.95" customHeight="1" x14ac:dyDescent="0.15">
      <c r="AL144" s="92"/>
      <c r="AM144" s="92"/>
    </row>
    <row r="145" ht="15.95" customHeight="1" x14ac:dyDescent="0.15"/>
    <row r="146" ht="15.95" customHeight="1" x14ac:dyDescent="0.15"/>
    <row r="147" ht="15.95" customHeight="1" x14ac:dyDescent="0.15"/>
    <row r="148" ht="15.95" customHeight="1" x14ac:dyDescent="0.15"/>
    <row r="149" ht="15.95" customHeight="1" x14ac:dyDescent="0.15"/>
    <row r="150" ht="15.95" customHeight="1" x14ac:dyDescent="0.15"/>
    <row r="151" ht="15.95" customHeight="1" x14ac:dyDescent="0.15"/>
    <row r="152" ht="15.95" customHeight="1" x14ac:dyDescent="0.15"/>
    <row r="153" ht="15.95" customHeight="1" x14ac:dyDescent="0.15"/>
    <row r="154" ht="15.95" customHeight="1" x14ac:dyDescent="0.15"/>
    <row r="155" ht="15.95" customHeight="1" x14ac:dyDescent="0.15"/>
    <row r="156" ht="15.95" customHeight="1" x14ac:dyDescent="0.15"/>
    <row r="157" ht="15.95" customHeight="1" x14ac:dyDescent="0.15"/>
    <row r="158" ht="15.95" customHeight="1" x14ac:dyDescent="0.15"/>
    <row r="159" ht="15.95" customHeight="1" x14ac:dyDescent="0.15"/>
    <row r="160" ht="15.95" customHeight="1" x14ac:dyDescent="0.15"/>
    <row r="161" ht="15.95" customHeight="1" x14ac:dyDescent="0.15"/>
    <row r="162" ht="15.95" customHeight="1" x14ac:dyDescent="0.15"/>
    <row r="163" ht="15.95" customHeight="1" x14ac:dyDescent="0.15"/>
    <row r="164" ht="15.95" customHeight="1" x14ac:dyDescent="0.15"/>
    <row r="165" ht="15.95" customHeight="1" x14ac:dyDescent="0.15"/>
    <row r="166" ht="15.95" customHeight="1" x14ac:dyDescent="0.15"/>
    <row r="167" ht="15.95" customHeight="1" x14ac:dyDescent="0.15"/>
    <row r="168" ht="15.95" customHeight="1" x14ac:dyDescent="0.15"/>
    <row r="169" ht="15.95" customHeight="1" x14ac:dyDescent="0.15"/>
    <row r="170" ht="15.95" customHeight="1" x14ac:dyDescent="0.15"/>
    <row r="171" ht="15.95" customHeight="1" x14ac:dyDescent="0.15"/>
    <row r="172" ht="15.95" customHeight="1" x14ac:dyDescent="0.15"/>
    <row r="173" ht="15.95" customHeight="1" x14ac:dyDescent="0.15"/>
    <row r="174" ht="15.95" customHeight="1" x14ac:dyDescent="0.15"/>
    <row r="175" ht="15.95" customHeight="1" x14ac:dyDescent="0.15"/>
    <row r="176" ht="15.95" customHeight="1" x14ac:dyDescent="0.15"/>
    <row r="177" ht="15.95" customHeight="1" x14ac:dyDescent="0.15"/>
    <row r="178" ht="15.95" customHeight="1" x14ac:dyDescent="0.15"/>
    <row r="179" ht="15.95" customHeight="1" x14ac:dyDescent="0.15"/>
    <row r="180" ht="15.95" customHeight="1" x14ac:dyDescent="0.15"/>
    <row r="181" ht="15.95" customHeight="1" x14ac:dyDescent="0.15"/>
    <row r="182" ht="15.95" customHeight="1" x14ac:dyDescent="0.15"/>
    <row r="183" ht="15.95" customHeight="1" x14ac:dyDescent="0.15"/>
    <row r="184" ht="15.95" customHeight="1" x14ac:dyDescent="0.15"/>
    <row r="185" ht="15.95" customHeight="1" x14ac:dyDescent="0.15"/>
    <row r="186" ht="15.95" customHeight="1" x14ac:dyDescent="0.15"/>
    <row r="187" ht="15.95" customHeight="1" x14ac:dyDescent="0.15"/>
    <row r="188" ht="15.95" customHeight="1" x14ac:dyDescent="0.15"/>
    <row r="189" ht="15.95" customHeight="1" x14ac:dyDescent="0.15"/>
    <row r="190" ht="15.95" customHeight="1" x14ac:dyDescent="0.15"/>
    <row r="191" ht="15.95" customHeight="1" x14ac:dyDescent="0.15"/>
    <row r="192" ht="15.95" customHeight="1" x14ac:dyDescent="0.15"/>
    <row r="193" ht="15.95" customHeight="1" x14ac:dyDescent="0.15"/>
    <row r="194" ht="15.95" customHeight="1" x14ac:dyDescent="0.15"/>
    <row r="195" ht="15.95" customHeight="1" x14ac:dyDescent="0.15"/>
    <row r="196" ht="15.95" customHeight="1" x14ac:dyDescent="0.15"/>
    <row r="197" ht="15.95" customHeight="1" x14ac:dyDescent="0.15"/>
    <row r="198" ht="15.95" customHeight="1" x14ac:dyDescent="0.15"/>
    <row r="199" ht="15.95" customHeight="1" x14ac:dyDescent="0.15"/>
    <row r="200" ht="15.95" customHeight="1" x14ac:dyDescent="0.15"/>
    <row r="201" ht="15.95" customHeight="1" x14ac:dyDescent="0.15"/>
    <row r="202" ht="15.95" customHeight="1" x14ac:dyDescent="0.15"/>
    <row r="203" ht="15.95" customHeight="1" x14ac:dyDescent="0.15"/>
    <row r="204" ht="15.95" customHeight="1" x14ac:dyDescent="0.15"/>
    <row r="205" ht="15.95" customHeight="1" x14ac:dyDescent="0.15"/>
    <row r="206" ht="15.95" customHeight="1" x14ac:dyDescent="0.15"/>
    <row r="207" ht="15.95" customHeight="1" x14ac:dyDescent="0.15"/>
    <row r="208" ht="15.95" customHeight="1" x14ac:dyDescent="0.15"/>
    <row r="209" ht="15.95" customHeight="1" x14ac:dyDescent="0.15"/>
    <row r="210" ht="15.95" customHeight="1" x14ac:dyDescent="0.15"/>
    <row r="211" ht="15.95" customHeight="1" x14ac:dyDescent="0.15"/>
    <row r="212" ht="15.95" customHeight="1" x14ac:dyDescent="0.15"/>
    <row r="213" ht="15.95" customHeight="1" x14ac:dyDescent="0.15"/>
    <row r="214" ht="15.95" customHeight="1" x14ac:dyDescent="0.15"/>
    <row r="215" ht="15.95" customHeight="1" x14ac:dyDescent="0.15"/>
    <row r="216" ht="15.95" customHeight="1" x14ac:dyDescent="0.15"/>
    <row r="217" ht="15.95" customHeight="1" x14ac:dyDescent="0.15"/>
    <row r="218" ht="15.95" customHeight="1" x14ac:dyDescent="0.15"/>
    <row r="219" ht="15.95" customHeight="1" x14ac:dyDescent="0.15"/>
    <row r="220" ht="15.95" customHeight="1" x14ac:dyDescent="0.15"/>
    <row r="221" ht="15.95" customHeight="1" x14ac:dyDescent="0.15"/>
    <row r="222" ht="15.95" customHeight="1" x14ac:dyDescent="0.15"/>
    <row r="223" ht="15.95" customHeight="1" x14ac:dyDescent="0.15"/>
    <row r="224" ht="15.95" customHeight="1" x14ac:dyDescent="0.15"/>
    <row r="225" ht="15.95" customHeight="1" x14ac:dyDescent="0.15"/>
    <row r="226" ht="15.95" customHeight="1" x14ac:dyDescent="0.15"/>
    <row r="227" ht="15.95" customHeight="1" x14ac:dyDescent="0.15"/>
    <row r="228" ht="15.95" customHeight="1" x14ac:dyDescent="0.15"/>
    <row r="229" ht="15.95" customHeight="1" x14ac:dyDescent="0.15"/>
    <row r="230" ht="15.95" customHeight="1" x14ac:dyDescent="0.15"/>
    <row r="231" ht="15.95" customHeight="1" x14ac:dyDescent="0.15"/>
    <row r="232" ht="15.95" customHeight="1" x14ac:dyDescent="0.15"/>
    <row r="233" ht="15.95" customHeight="1" x14ac:dyDescent="0.15"/>
    <row r="234" ht="15.95" customHeight="1" x14ac:dyDescent="0.15"/>
    <row r="235" ht="15.95" customHeight="1" x14ac:dyDescent="0.15"/>
    <row r="236" ht="15.95" customHeight="1" x14ac:dyDescent="0.15"/>
    <row r="237" ht="15.95" customHeight="1" x14ac:dyDescent="0.15"/>
    <row r="238" ht="15.95" customHeight="1" x14ac:dyDescent="0.15"/>
    <row r="239" ht="15.95" customHeight="1" x14ac:dyDescent="0.15"/>
    <row r="240" ht="15.95" customHeight="1" x14ac:dyDescent="0.15"/>
    <row r="241" ht="15.95" customHeight="1" x14ac:dyDescent="0.15"/>
    <row r="242" ht="15.95" customHeight="1" x14ac:dyDescent="0.15"/>
    <row r="243" ht="15.95" customHeight="1" x14ac:dyDescent="0.15"/>
    <row r="244" ht="15.95" customHeight="1" x14ac:dyDescent="0.15"/>
    <row r="245" ht="15.95" customHeight="1" x14ac:dyDescent="0.15"/>
    <row r="246" ht="15.95" customHeight="1" x14ac:dyDescent="0.15"/>
    <row r="247" ht="15.95" customHeight="1" x14ac:dyDescent="0.15"/>
    <row r="248" ht="15.95" customHeight="1" x14ac:dyDescent="0.15"/>
    <row r="249" ht="15.95" customHeight="1" x14ac:dyDescent="0.15"/>
    <row r="250" ht="15.95" customHeight="1" x14ac:dyDescent="0.15"/>
    <row r="251" ht="15.95" customHeight="1" x14ac:dyDescent="0.15"/>
    <row r="252" ht="15.95" customHeight="1" x14ac:dyDescent="0.15"/>
    <row r="253" ht="15.95" customHeight="1" x14ac:dyDescent="0.15"/>
    <row r="254" ht="15.95" customHeight="1" x14ac:dyDescent="0.15"/>
    <row r="255" ht="15.95" customHeight="1" x14ac:dyDescent="0.15"/>
    <row r="256" ht="15.95" customHeight="1" x14ac:dyDescent="0.15"/>
    <row r="257" ht="15.95" customHeight="1" x14ac:dyDescent="0.15"/>
    <row r="258" ht="15.95" customHeight="1" x14ac:dyDescent="0.15"/>
    <row r="259" ht="15.95" customHeight="1" x14ac:dyDescent="0.15"/>
    <row r="260" ht="15.95" customHeight="1" x14ac:dyDescent="0.15"/>
    <row r="261" ht="15.95" customHeight="1" x14ac:dyDescent="0.15"/>
    <row r="262" ht="15.95" customHeight="1" x14ac:dyDescent="0.15"/>
    <row r="263" ht="15.95" customHeight="1" x14ac:dyDescent="0.15"/>
    <row r="264" ht="15.95" customHeight="1" x14ac:dyDescent="0.15"/>
    <row r="265" ht="15.95" customHeight="1" x14ac:dyDescent="0.15"/>
    <row r="266" ht="15.95" customHeight="1" x14ac:dyDescent="0.15"/>
    <row r="267" ht="15.95" customHeight="1" x14ac:dyDescent="0.15"/>
    <row r="268" ht="15.95" customHeight="1" x14ac:dyDescent="0.15"/>
    <row r="269" ht="15.95" customHeight="1" x14ac:dyDescent="0.15"/>
    <row r="270" ht="15.95" customHeight="1" x14ac:dyDescent="0.15"/>
    <row r="271" ht="15.95" customHeight="1" x14ac:dyDescent="0.15"/>
    <row r="272" ht="15.95" customHeight="1" x14ac:dyDescent="0.15"/>
    <row r="273" ht="15.95" customHeight="1" x14ac:dyDescent="0.15"/>
    <row r="274" ht="15.95" customHeight="1" x14ac:dyDescent="0.15"/>
    <row r="275" ht="15.95" customHeight="1" x14ac:dyDescent="0.15"/>
    <row r="276" ht="15.95" customHeight="1" x14ac:dyDescent="0.15"/>
    <row r="277" ht="15.95" customHeight="1" x14ac:dyDescent="0.15"/>
    <row r="278" ht="15.95" customHeight="1" x14ac:dyDescent="0.15"/>
    <row r="279" ht="15.95" customHeight="1" x14ac:dyDescent="0.15"/>
    <row r="280" ht="15.95" customHeight="1" x14ac:dyDescent="0.15"/>
    <row r="281" ht="15.95" customHeight="1" x14ac:dyDescent="0.15"/>
    <row r="282" ht="15.95" customHeight="1" x14ac:dyDescent="0.15"/>
    <row r="283" ht="15.95" customHeight="1" x14ac:dyDescent="0.15"/>
    <row r="284" ht="15.95" customHeight="1" x14ac:dyDescent="0.15"/>
    <row r="285" ht="15.95" customHeight="1" x14ac:dyDescent="0.15"/>
    <row r="286" ht="15.95" customHeight="1" x14ac:dyDescent="0.15"/>
  </sheetData>
  <mergeCells count="40">
    <mergeCell ref="A35:D35"/>
    <mergeCell ref="A36:D36"/>
    <mergeCell ref="N23:O23"/>
    <mergeCell ref="Q23:AA23"/>
    <mergeCell ref="R24:AA24"/>
    <mergeCell ref="E25:H25"/>
    <mergeCell ref="I25:L25"/>
    <mergeCell ref="I26:L26"/>
    <mergeCell ref="I17:L17"/>
    <mergeCell ref="E20:H22"/>
    <mergeCell ref="I20:L20"/>
    <mergeCell ref="T20:AA20"/>
    <mergeCell ref="I21:L21"/>
    <mergeCell ref="Q21:AA21"/>
    <mergeCell ref="I22:L22"/>
    <mergeCell ref="A10:D10"/>
    <mergeCell ref="I10:L10"/>
    <mergeCell ref="A11:D11"/>
    <mergeCell ref="E12:H12"/>
    <mergeCell ref="I12:L12"/>
    <mergeCell ref="B13:D16"/>
    <mergeCell ref="I13:L13"/>
    <mergeCell ref="I14:L14"/>
    <mergeCell ref="E16:H16"/>
    <mergeCell ref="I16:L16"/>
    <mergeCell ref="A5:D5"/>
    <mergeCell ref="A8:D8"/>
    <mergeCell ref="E8:H8"/>
    <mergeCell ref="I8:L8"/>
    <mergeCell ref="A9:D9"/>
    <mergeCell ref="I9:L9"/>
    <mergeCell ref="A3:D4"/>
    <mergeCell ref="E3:H3"/>
    <mergeCell ref="I3:AE3"/>
    <mergeCell ref="AF3:AM4"/>
    <mergeCell ref="AN3:AP3"/>
    <mergeCell ref="E4:H4"/>
    <mergeCell ref="I4:L4"/>
    <mergeCell ref="M4:AE4"/>
    <mergeCell ref="AN4:AP4"/>
  </mergeCells>
  <phoneticPr fontId="20"/>
  <dataValidations count="1">
    <dataValidation type="list" allowBlank="1" showInputMessage="1" showErrorMessage="1" sqref="AJ8:AJ9 AJ24:AJ26 AF16:AF17 AJ19:AJ21 T8:T14 AJ15:AJ17 AF25:AF26 AF20:AF21 M8:M15 O17 U17 Y17 O19 U19 Y19 M20:M22 N24 O26 R26 V26 O28 R28 V28 O30 R30 V30 O32 R32 V32 O34 R34 V34 AF8:AF14 A13 Q8:Q14 AJ29 AJ11:AJ13">
      <formula1>"□,■"</formula1>
    </dataValidation>
  </dataValidations>
  <pageMargins left="0.39370078740157483" right="0.19685039370078741" top="0.19685039370078741" bottom="0.19685039370078741" header="0.39370078740157483" footer="0.39370078740157483"/>
  <pageSetup paperSize="9" scale="79" orientation="portrait" horizontalDpi="300" verticalDpi="30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13</vt:i4>
      </vt:variant>
    </vt:vector>
  </HeadingPairs>
  <TitlesOfParts>
    <vt:vector size="26" baseType="lpstr">
      <vt:lpstr>表紙</vt:lpstr>
      <vt:lpstr>様式①第1面（一戸建て）</vt:lpstr>
      <vt:lpstr>様式①第2面（一戸建て）</vt:lpstr>
      <vt:lpstr>様式①設3面（一戸建て）</vt:lpstr>
      <vt:lpstr>様式①第1面 （共同）</vt:lpstr>
      <vt:lpstr>様式①第2面（共同）</vt:lpstr>
      <vt:lpstr>様式①第3面（共同）</vt:lpstr>
      <vt:lpstr>様式②第1面（一戸建て）</vt:lpstr>
      <vt:lpstr>様式②第2面 （一戸建て）</vt:lpstr>
      <vt:lpstr>様式②第3面（一戸建て）</vt:lpstr>
      <vt:lpstr>様式②第1面（共同）</vt:lpstr>
      <vt:lpstr>様式②第2面（共同） </vt:lpstr>
      <vt:lpstr>様式②第3面 （共同）</vt:lpstr>
      <vt:lpstr>表紙!Print_Area</vt:lpstr>
      <vt:lpstr>'様式①設3面（一戸建て）'!Print_Area</vt:lpstr>
      <vt:lpstr>'様式①第1面 （共同）'!Print_Area</vt:lpstr>
      <vt:lpstr>'様式①第1面（一戸建て）'!Print_Area</vt:lpstr>
      <vt:lpstr>'様式①第2面（一戸建て）'!Print_Area</vt:lpstr>
      <vt:lpstr>'様式①第2面（共同）'!Print_Area</vt:lpstr>
      <vt:lpstr>'様式①第3面（共同）'!Print_Area</vt:lpstr>
      <vt:lpstr>'様式②第1面（一戸建て）'!Print_Area</vt:lpstr>
      <vt:lpstr>'様式②第1面（共同）'!Print_Area</vt:lpstr>
      <vt:lpstr>'様式②第2面 （一戸建て）'!Print_Area</vt:lpstr>
      <vt:lpstr>'様式②第2面（共同） '!Print_Area</vt:lpstr>
      <vt:lpstr>'様式②第3面 （共同）'!Print_Area</vt:lpstr>
      <vt:lpstr>'様式②第3面（一戸建て）'!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Administrator</cp:lastModifiedBy>
  <cp:lastPrinted>2022-09-29T08:20:38Z</cp:lastPrinted>
  <dcterms:created xsi:type="dcterms:W3CDTF">2009-02-10T08:17:23Z</dcterms:created>
  <dcterms:modified xsi:type="dcterms:W3CDTF">2022-09-29T09:16:03Z</dcterms:modified>
</cp:coreProperties>
</file>